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9231"/>
  <workbookPr/>
  <mc:AlternateContent xmlns:mc="http://schemas.openxmlformats.org/markup-compatibility/2006">
    <mc:Choice Requires="x15">
      <x15ac:absPath xmlns:x15ac="http://schemas.microsoft.com/office/spreadsheetml/2010/11/ac" url="C:\Users\chris.alston\Downloads\"/>
    </mc:Choice>
  </mc:AlternateContent>
  <xr:revisionPtr revIDLastSave="0" documentId="13_ncr:1_{261C8416-114A-4A78-BF87-9AB4F4D5C782}" xr6:coauthVersionLast="47" xr6:coauthVersionMax="47" xr10:uidLastSave="{00000000-0000-0000-0000-000000000000}"/>
  <bookViews>
    <workbookView xWindow="4335" yWindow="-14505" windowWidth="19695" windowHeight="12855" tabRatio="916" xr2:uid="{00000000-000D-0000-FFFF-FFFF00000000}"/>
  </bookViews>
  <sheets>
    <sheet name="About" sheetId="1" r:id="rId1"/>
    <sheet name="Contents" sheetId="4" r:id="rId2"/>
    <sheet name="Figure 1.1" sheetId="12" r:id="rId3"/>
    <sheet name="Figure 2.1" sheetId="3" r:id="rId4"/>
    <sheet name="Figure 3.1" sheetId="13" r:id="rId5"/>
    <sheet name="Figure 3.2" sheetId="5" r:id="rId6"/>
    <sheet name="Figure B.1" sheetId="17" r:id="rId7"/>
    <sheet name="Figure B.2" sheetId="19" r:id="rId8"/>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91" uniqueCount="77">
  <si>
    <t>About this workbook</t>
  </si>
  <si>
    <r>
      <t xml:space="preserve">The </t>
    </r>
    <r>
      <rPr>
        <b/>
        <sz val="10"/>
        <color theme="1"/>
        <rFont val="Arial"/>
        <family val="2"/>
      </rPr>
      <t>Contents</t>
    </r>
    <r>
      <rPr>
        <sz val="10"/>
        <color theme="1"/>
        <rFont val="Arial"/>
        <family val="2"/>
      </rPr>
      <t xml:space="preserve"> worksheet links to the data for each chart.</t>
    </r>
  </si>
  <si>
    <t xml:space="preserve">The report is available from: </t>
  </si>
  <si>
    <t>Investing in cheaper, cleaner energy and the net zero transformation - Public inquiry | Productivity Commission</t>
  </si>
  <si>
    <t>Contents</t>
  </si>
  <si>
    <t>Figure no.</t>
  </si>
  <si>
    <t>Title</t>
  </si>
  <si>
    <t>Figure 2.1</t>
  </si>
  <si>
    <t>It often takes years to reach a final decision for EPBC-referred projects</t>
  </si>
  <si>
    <t>Figure 3.2</t>
  </si>
  <si>
    <t>Resilience investments in housing yield high returns</t>
  </si>
  <si>
    <t>Year</t>
  </si>
  <si>
    <t>Figure 3.2 – Resilience investments in housing yield high returns</t>
  </si>
  <si>
    <t>Estimates of benefit–cost ratios for different resilience programs</t>
  </si>
  <si>
    <t>Category</t>
  </si>
  <si>
    <t>Program</t>
  </si>
  <si>
    <t>Source</t>
  </si>
  <si>
    <t>Source page number</t>
  </si>
  <si>
    <t>Flood</t>
  </si>
  <si>
    <t>House raising</t>
  </si>
  <si>
    <t>Retrofitting for floods</t>
  </si>
  <si>
    <t>Cyclone</t>
  </si>
  <si>
    <t>Cyclone proofing</t>
  </si>
  <si>
    <t>Bushfire</t>
  </si>
  <si>
    <t>Figure 1.1 – Under our proposal, on-road heavy vehicles would end up paying the full value of fuel excise</t>
  </si>
  <si>
    <t>Figure 1.1</t>
  </si>
  <si>
    <t>Figure 3.1</t>
  </si>
  <si>
    <t>Under our proposal, on-road heavy vehicles would end up paying the full value of fuel excise</t>
  </si>
  <si>
    <t>Stylised projection of a phased-in reduction in the value of FTCs claimable for on-road heavy vehicle use</t>
  </si>
  <si>
    <t>Approved</t>
  </si>
  <si>
    <t>Still under assessment</t>
  </si>
  <si>
    <t>Decision status for renewable energy projects referred to DCCEEW 2017–2025</t>
  </si>
  <si>
    <t>Figure 2.1 – It often takes years to reach a final decision for EPBC‑referred projects</t>
  </si>
  <si>
    <t>https://www.climatechangeauthority.gov.au/2025-annual-progress-report</t>
  </si>
  <si>
    <r>
      <t xml:space="preserve">Source: Climate Change Authority 2025, </t>
    </r>
    <r>
      <rPr>
        <i/>
        <sz val="10"/>
        <color theme="1"/>
        <rFont val="Arial"/>
        <family val="2"/>
      </rPr>
      <t>Annual Progress Report</t>
    </r>
  </si>
  <si>
    <t xml:space="preserve">Figure 3.1 – Retrofits avoid damage early, but better land use has benefits that build over time  </t>
  </si>
  <si>
    <t>Source: PC analysis using data from XDI (Cross Dependency Initiative)</t>
  </si>
  <si>
    <t>Excise (c/L)</t>
  </si>
  <si>
    <t>RUC (c/L)</t>
  </si>
  <si>
    <t>Additional cost due to loss of partial FTCs (c/L)</t>
  </si>
  <si>
    <t>Baseline</t>
  </si>
  <si>
    <t>Combined scenario</t>
  </si>
  <si>
    <t>Increased investment in existing housing</t>
  </si>
  <si>
    <t>Improved land-use planning</t>
  </si>
  <si>
    <t xml:space="preserve">Figure B.2 – Retrofits avoid damage early, but better land use has benefits that build over time  </t>
  </si>
  <si>
    <t>Source: PC analysis using data from XDI.</t>
  </si>
  <si>
    <t>Flood mitigation infrastructure</t>
  </si>
  <si>
    <t>Bushfire resilience measures</t>
  </si>
  <si>
    <t>Benefit-cost ratio (low estimate)</t>
  </si>
  <si>
    <t xml:space="preserve">Benefit-cost ratio (high estimate) </t>
  </si>
  <si>
    <t>Coastal Inundation</t>
  </si>
  <si>
    <t>Extreme Wind</t>
  </si>
  <si>
    <t>Forest Fire</t>
  </si>
  <si>
    <t>Riverine Flooding</t>
  </si>
  <si>
    <t>Soil Movement</t>
  </si>
  <si>
    <t>Surface Water Flooding</t>
  </si>
  <si>
    <t>Tropical Cyclone Wind</t>
  </si>
  <si>
    <t>Note: Damages are not discounted to support comparison across scenarios.</t>
  </si>
  <si>
    <r>
      <t>Note:</t>
    </r>
    <r>
      <rPr>
        <sz val="9"/>
        <color theme="1"/>
        <rFont val="Arial"/>
        <family val="2"/>
      </rPr>
      <t xml:space="preserve"> </t>
    </r>
    <r>
      <rPr>
        <sz val="10"/>
        <color theme="1"/>
        <rFont val="Arial"/>
        <family val="2"/>
      </rPr>
      <t>Decision status is at November 2025 for projects deemed controlled actions. This figure contains data on onshore and offshore wind, solar photovoltaics, standalone batteries, hydro and pumped hydro projects. Eleven abandoned projects are excluded.</t>
    </r>
  </si>
  <si>
    <t>Hazard</t>
  </si>
  <si>
    <t>Damage ($ billion)</t>
  </si>
  <si>
    <t>Riverine and surface water flooding may overlap, and some damage may be counted in both.</t>
  </si>
  <si>
    <t>Figure B.1 – Flooding is expected to cause the most damage</t>
  </si>
  <si>
    <t>Expected damage by hazard, 2.5% discount rate, RCP 4.5, total 2026–2100</t>
  </si>
  <si>
    <t>Expected damage under each scenario, no discounting, RCP 4.5, annual, $ billion, 2026–2100</t>
  </si>
  <si>
    <t>v</t>
  </si>
  <si>
    <t>iii</t>
  </si>
  <si>
    <t xml:space="preserve">Retrofits avoid damage early, but better land use has benefits that build over time  </t>
  </si>
  <si>
    <r>
      <t xml:space="preserve">This Excel workbook contains data underlying charts in the Productivity Commission's inquiry report on </t>
    </r>
    <r>
      <rPr>
        <i/>
        <sz val="10"/>
        <color theme="1"/>
        <rFont val="Arial"/>
        <family val="2"/>
      </rPr>
      <t xml:space="preserve">Investing in cheaper, cleaner energy and the net zero transformation. </t>
    </r>
  </si>
  <si>
    <t>Figure B.1</t>
  </si>
  <si>
    <t>Flooding is expected to cause the most damage</t>
  </si>
  <si>
    <t>Figure B.2</t>
  </si>
  <si>
    <r>
      <t xml:space="preserve">Deloitte Touche Tohmatsu 2013, </t>
    </r>
    <r>
      <rPr>
        <i/>
        <sz val="10"/>
        <color theme="10"/>
        <rFont val="Arial"/>
        <family val="2"/>
      </rPr>
      <t>Building our nation’s resilience to natural disasters</t>
    </r>
    <r>
      <rPr>
        <sz val="10"/>
        <color theme="10"/>
        <rFont val="Arial"/>
        <family val="2"/>
      </rPr>
      <t>.</t>
    </r>
  </si>
  <si>
    <r>
      <t xml:space="preserve">Queensland Reconstruction Authority 2019, </t>
    </r>
    <r>
      <rPr>
        <i/>
        <sz val="10"/>
        <color theme="1"/>
        <rFont val="Arial"/>
        <family val="2"/>
      </rPr>
      <t>Flood resilient building guidance for Queensland homes</t>
    </r>
    <r>
      <rPr>
        <sz val="10"/>
        <color theme="1"/>
        <rFont val="Arial"/>
        <family val="2"/>
      </rPr>
      <t>.</t>
    </r>
  </si>
  <si>
    <r>
      <t xml:space="preserve">Urbis 2014, </t>
    </r>
    <r>
      <rPr>
        <i/>
        <sz val="10"/>
        <color theme="1"/>
        <rFont val="Arial"/>
        <family val="2"/>
      </rPr>
      <t>Economic benefits of flood mitigation investments</t>
    </r>
    <r>
      <rPr>
        <sz val="10"/>
        <color theme="1"/>
        <rFont val="Arial"/>
        <family val="2"/>
      </rPr>
      <t>.</t>
    </r>
  </si>
  <si>
    <r>
      <t xml:space="preserve">Urbis 2015, </t>
    </r>
    <r>
      <rPr>
        <i/>
        <sz val="10"/>
        <color theme="1"/>
        <rFont val="Arial"/>
        <family val="2"/>
      </rPr>
      <t>Protecting the north: the benefits of cyclone mitigation</t>
    </r>
    <r>
      <rPr>
        <sz val="10"/>
        <color theme="1"/>
        <rFont val="Arial"/>
        <family val="2"/>
      </rPr>
      <t>.</t>
    </r>
  </si>
  <si>
    <r>
      <t>The figure is based on the following assumptions: TCCV starts at $65/t CO</t>
    </r>
    <r>
      <rPr>
        <vertAlign val="subscript"/>
        <sz val="10"/>
        <color theme="1"/>
        <rFont val="Arial"/>
        <family val="2"/>
      </rPr>
      <t>2</t>
    </r>
    <r>
      <rPr>
        <sz val="10"/>
        <color theme="1"/>
        <rFont val="Arial"/>
        <family val="2"/>
      </rPr>
      <t>-e in 2025 and grows at 5%, heavy vehicle RUC starts at 32.4c/litre and grows at 2.5%, fuel excise starts at 51.6c/litre and grows at 2.5%. The additional cost due to loss of partial FTCs in each year is calculated by multiplying the emissions intensity of diesel (0.00268/t CO</t>
    </r>
    <r>
      <rPr>
        <vertAlign val="subscript"/>
        <sz val="10"/>
        <color theme="1"/>
        <rFont val="Arial"/>
        <family val="2"/>
      </rPr>
      <t>2</t>
    </r>
    <r>
      <rPr>
        <sz val="10"/>
        <color theme="1"/>
        <rFont val="Arial"/>
        <family val="2"/>
      </rPr>
      <t>-e) by the relevant year’s TCCV and a phase-in factor. The phase-in factor goes up by 10 percentage points each year, starting at zero (that is, the change phases in over 10 years under these setting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4" formatCode="0.0"/>
  </numFmts>
  <fonts count="13" x14ac:knownFonts="1">
    <font>
      <sz val="10"/>
      <color theme="1"/>
      <name val="Arial"/>
      <family val="2"/>
    </font>
    <font>
      <b/>
      <sz val="10"/>
      <color theme="1"/>
      <name val="Arial"/>
      <family val="2"/>
    </font>
    <font>
      <b/>
      <sz val="12"/>
      <color theme="1"/>
      <name val="Arial"/>
      <family val="2"/>
    </font>
    <font>
      <i/>
      <sz val="10"/>
      <color theme="1"/>
      <name val="Arial"/>
      <family val="2"/>
    </font>
    <font>
      <u/>
      <sz val="10"/>
      <color theme="10"/>
      <name val="Arial"/>
      <family val="2"/>
    </font>
    <font>
      <sz val="10"/>
      <color theme="1"/>
      <name val="Arial"/>
      <scheme val="minor"/>
    </font>
    <font>
      <sz val="11"/>
      <color theme="1"/>
      <name val="Calibri"/>
      <family val="2"/>
    </font>
    <font>
      <sz val="9"/>
      <color theme="1"/>
      <name val="Arial"/>
      <family val="2"/>
    </font>
    <font>
      <sz val="10"/>
      <color theme="10"/>
      <name val="Arial"/>
      <family val="2"/>
    </font>
    <font>
      <i/>
      <sz val="10"/>
      <color theme="10"/>
      <name val="Arial"/>
      <family val="2"/>
    </font>
    <font>
      <sz val="10"/>
      <color theme="1"/>
      <name val="Arial"/>
      <family val="2"/>
      <scheme val="minor"/>
    </font>
    <font>
      <sz val="10"/>
      <color rgb="FF000000"/>
      <name val="Arial"/>
      <family val="2"/>
      <scheme val="minor"/>
    </font>
    <font>
      <vertAlign val="subscript"/>
      <sz val="10"/>
      <color theme="1"/>
      <name val="Arial"/>
      <family val="2"/>
    </font>
  </fonts>
  <fills count="2">
    <fill>
      <patternFill patternType="none"/>
    </fill>
    <fill>
      <patternFill patternType="gray125"/>
    </fill>
  </fills>
  <borders count="14">
    <border>
      <left/>
      <right/>
      <top/>
      <bottom/>
      <diagonal/>
    </border>
    <border>
      <left style="thin">
        <color indexed="64"/>
      </left>
      <right/>
      <top/>
      <bottom/>
      <diagonal/>
    </border>
    <border>
      <left/>
      <right style="thin">
        <color indexed="64"/>
      </right>
      <top/>
      <bottom/>
      <diagonal/>
    </border>
    <border>
      <left style="thin">
        <color indexed="64"/>
      </left>
      <right/>
      <top/>
      <bottom style="thin">
        <color indexed="64"/>
      </bottom>
      <diagonal/>
    </border>
    <border>
      <left/>
      <right style="thin">
        <color indexed="64"/>
      </right>
      <top/>
      <bottom style="thin">
        <color indexed="64"/>
      </bottom>
      <diagonal/>
    </border>
    <border>
      <left/>
      <right/>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right style="thin">
        <color indexed="64"/>
      </right>
      <top style="thin">
        <color indexed="64"/>
      </top>
      <bottom/>
      <diagonal/>
    </border>
    <border>
      <left style="thin">
        <color indexed="64"/>
      </left>
      <right/>
      <top style="thin">
        <color indexed="64"/>
      </top>
      <bottom/>
      <diagonal/>
    </border>
    <border>
      <left style="thin">
        <color indexed="64"/>
      </left>
      <right style="thin">
        <color indexed="64"/>
      </right>
      <top/>
      <bottom/>
      <diagonal/>
    </border>
    <border>
      <left style="thin">
        <color indexed="64"/>
      </left>
      <right style="thin">
        <color indexed="64"/>
      </right>
      <top/>
      <bottom style="thin">
        <color indexed="64"/>
      </bottom>
      <diagonal/>
    </border>
  </borders>
  <cellStyleXfs count="2">
    <xf numFmtId="0" fontId="0" fillId="0" borderId="0"/>
    <xf numFmtId="0" fontId="4" fillId="0" borderId="0" applyNumberFormat="0" applyFill="0" applyBorder="0" applyAlignment="0" applyProtection="0"/>
  </cellStyleXfs>
  <cellXfs count="49">
    <xf numFmtId="0" fontId="0" fillId="0" borderId="0" xfId="0"/>
    <xf numFmtId="0" fontId="1" fillId="0" borderId="0" xfId="0" applyFont="1"/>
    <xf numFmtId="0" fontId="2" fillId="0" borderId="0" xfId="0" applyFont="1"/>
    <xf numFmtId="0" fontId="4" fillId="0" borderId="0" xfId="1"/>
    <xf numFmtId="0" fontId="3" fillId="0" borderId="0" xfId="0" applyFont="1"/>
    <xf numFmtId="0" fontId="0" fillId="0" borderId="1" xfId="0" applyBorder="1"/>
    <xf numFmtId="0" fontId="0" fillId="0" borderId="2" xfId="0" applyBorder="1"/>
    <xf numFmtId="0" fontId="0" fillId="0" borderId="3" xfId="0" applyBorder="1"/>
    <xf numFmtId="0" fontId="0" fillId="0" borderId="5" xfId="0" applyBorder="1"/>
    <xf numFmtId="0" fontId="0" fillId="0" borderId="4" xfId="0" applyBorder="1"/>
    <xf numFmtId="0" fontId="0" fillId="0" borderId="6" xfId="0" applyBorder="1"/>
    <xf numFmtId="0" fontId="0" fillId="0" borderId="7" xfId="0" applyBorder="1"/>
    <xf numFmtId="0" fontId="0" fillId="0" borderId="8" xfId="0" applyBorder="1"/>
    <xf numFmtId="0" fontId="5" fillId="0" borderId="6" xfId="0" applyFont="1" applyBorder="1"/>
    <xf numFmtId="0" fontId="5" fillId="0" borderId="7" xfId="0" applyFont="1" applyBorder="1"/>
    <xf numFmtId="0" fontId="5" fillId="0" borderId="8" xfId="0" applyFont="1" applyBorder="1"/>
    <xf numFmtId="0" fontId="4" fillId="0" borderId="0" xfId="1" applyFill="1"/>
    <xf numFmtId="0" fontId="0" fillId="0" borderId="0" xfId="0" applyAlignment="1">
      <alignment vertical="center"/>
    </xf>
    <xf numFmtId="0" fontId="6" fillId="0" borderId="0" xfId="0" applyFont="1"/>
    <xf numFmtId="0" fontId="0" fillId="0" borderId="9" xfId="0" applyBorder="1" applyAlignment="1">
      <alignment wrapText="1"/>
    </xf>
    <xf numFmtId="0" fontId="0" fillId="0" borderId="9" xfId="0" applyBorder="1"/>
    <xf numFmtId="0" fontId="0" fillId="0" borderId="10" xfId="0" applyBorder="1" applyAlignment="1">
      <alignment wrapText="1"/>
    </xf>
    <xf numFmtId="0" fontId="0" fillId="0" borderId="11" xfId="0" applyBorder="1"/>
    <xf numFmtId="0" fontId="0" fillId="0" borderId="11" xfId="0" applyBorder="1" applyAlignment="1">
      <alignment wrapText="1"/>
    </xf>
    <xf numFmtId="0" fontId="0" fillId="0" borderId="7" xfId="0" applyBorder="1" applyAlignment="1">
      <alignment wrapText="1"/>
    </xf>
    <xf numFmtId="0" fontId="0" fillId="0" borderId="8" xfId="0" applyBorder="1" applyAlignment="1">
      <alignment wrapText="1"/>
    </xf>
    <xf numFmtId="164" fontId="0" fillId="0" borderId="0" xfId="0" applyNumberFormat="1"/>
    <xf numFmtId="2" fontId="0" fillId="0" borderId="2" xfId="0" applyNumberFormat="1" applyBorder="1"/>
    <xf numFmtId="2" fontId="0" fillId="0" borderId="4" xfId="0" applyNumberFormat="1" applyBorder="1"/>
    <xf numFmtId="164" fontId="0" fillId="0" borderId="2" xfId="0" applyNumberFormat="1" applyBorder="1"/>
    <xf numFmtId="164" fontId="0" fillId="0" borderId="4" xfId="0" applyNumberFormat="1" applyBorder="1"/>
    <xf numFmtId="2" fontId="0" fillId="0" borderId="0" xfId="0" applyNumberFormat="1"/>
    <xf numFmtId="2" fontId="0" fillId="0" borderId="5" xfId="0" applyNumberFormat="1" applyBorder="1"/>
    <xf numFmtId="0" fontId="0" fillId="0" borderId="2" xfId="0" applyBorder="1" applyAlignment="1">
      <alignment horizontal="right"/>
    </xf>
    <xf numFmtId="0" fontId="8" fillId="0" borderId="5" xfId="1" applyFont="1" applyBorder="1"/>
    <xf numFmtId="164" fontId="0" fillId="0" borderId="9" xfId="0" applyNumberFormat="1" applyBorder="1"/>
    <xf numFmtId="164" fontId="0" fillId="0" borderId="10" xfId="0" applyNumberFormat="1" applyBorder="1"/>
    <xf numFmtId="164" fontId="0" fillId="0" borderId="12" xfId="0" applyNumberFormat="1" applyBorder="1"/>
    <xf numFmtId="164" fontId="0" fillId="0" borderId="13" xfId="0" applyNumberFormat="1" applyBorder="1"/>
    <xf numFmtId="0" fontId="10" fillId="0" borderId="7" xfId="0" applyFont="1" applyBorder="1" applyAlignment="1">
      <alignment wrapText="1"/>
    </xf>
    <xf numFmtId="0" fontId="11" fillId="0" borderId="6" xfId="0" applyFont="1" applyBorder="1" applyAlignment="1">
      <alignment horizontal="center" wrapText="1"/>
    </xf>
    <xf numFmtId="0" fontId="11" fillId="0" borderId="7" xfId="0" applyFont="1" applyBorder="1" applyAlignment="1">
      <alignment horizontal="center" wrapText="1"/>
    </xf>
    <xf numFmtId="0" fontId="10" fillId="0" borderId="1" xfId="0" applyFont="1" applyBorder="1"/>
    <xf numFmtId="0" fontId="10" fillId="0" borderId="3" xfId="0" applyFont="1" applyBorder="1"/>
    <xf numFmtId="2" fontId="10" fillId="0" borderId="0" xfId="0" applyNumberFormat="1" applyFont="1"/>
    <xf numFmtId="2" fontId="10" fillId="0" borderId="5" xfId="0" applyNumberFormat="1" applyFont="1" applyBorder="1"/>
    <xf numFmtId="2" fontId="10" fillId="0" borderId="2" xfId="0" applyNumberFormat="1" applyFont="1" applyBorder="1"/>
    <xf numFmtId="2" fontId="10" fillId="0" borderId="4" xfId="0" applyNumberFormat="1" applyFont="1" applyBorder="1"/>
    <xf numFmtId="0" fontId="0" fillId="0" borderId="0" xfId="0" applyAlignment="1">
      <alignment horizontal="left" vertical="center" wrapText="1"/>
    </xf>
  </cellXfs>
  <cellStyles count="2">
    <cellStyle name="Hyperlink" xfId="1" builtinId="8"/>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customXml" Target="../customXml/item2.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customXml" Target="../customXml/item1.xml"/><Relationship Id="rId2" Type="http://schemas.openxmlformats.org/officeDocument/2006/relationships/worksheet" Target="worksheets/sheet2.xml"/><Relationship Id="rId16" Type="http://schemas.openxmlformats.org/officeDocument/2006/relationships/customXml" Target="../customXml/item5.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sharedStrings" Target="sharedStrings.xml"/><Relationship Id="rId5" Type="http://schemas.openxmlformats.org/officeDocument/2006/relationships/worksheet" Target="worksheets/sheet5.xml"/><Relationship Id="rId15" Type="http://schemas.openxmlformats.org/officeDocument/2006/relationships/customXml" Target="../customXml/item4.xml"/><Relationship Id="rId10" Type="http://schemas.openxmlformats.org/officeDocument/2006/relationships/styles" Target="styles.xml"/><Relationship Id="rId4" Type="http://schemas.openxmlformats.org/officeDocument/2006/relationships/worksheet" Target="worksheets/sheet4.xml"/><Relationship Id="rId9" Type="http://schemas.openxmlformats.org/officeDocument/2006/relationships/theme" Target="theme/theme1.xml"/><Relationship Id="rId14" Type="http://schemas.openxmlformats.org/officeDocument/2006/relationships/customXml" Target="../customXml/item3.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xdr:from>
      <xdr:col>0</xdr:col>
      <xdr:colOff>104775</xdr:colOff>
      <xdr:row>0</xdr:row>
      <xdr:rowOff>161925</xdr:rowOff>
    </xdr:from>
    <xdr:to>
      <xdr:col>2</xdr:col>
      <xdr:colOff>397386</xdr:colOff>
      <xdr:row>0</xdr:row>
      <xdr:rowOff>527686</xdr:rowOff>
    </xdr:to>
    <xdr:pic>
      <xdr:nvPicPr>
        <xdr:cNvPr id="4" name="Picture 3" descr="Australian Government Productivity Commission logo">
          <a:extLst>
            <a:ext uri="{FF2B5EF4-FFF2-40B4-BE49-F238E27FC236}">
              <a16:creationId xmlns:a16="http://schemas.microsoft.com/office/drawing/2014/main" id="{F61E1EB3-77B5-46D9-B219-2DC349D2A184}"/>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104775" y="161925"/>
          <a:ext cx="1511811" cy="365761"/>
        </a:xfrm>
        <a:prstGeom prst="rect">
          <a:avLst/>
        </a:prstGeom>
      </xdr:spPr>
    </xdr:pic>
    <xdr:clientData/>
  </xdr:twoCellAnchor>
</xdr:wsDr>
</file>

<file path=xl/theme/theme1.xml><?xml version="1.0" encoding="utf-8"?>
<a:theme xmlns:a="http://schemas.openxmlformats.org/drawingml/2006/main" name="ProdCommTheme-new">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printerSettings" Target="../printerSettings/printerSettings1.bin"/><Relationship Id="rId1" Type="http://schemas.openxmlformats.org/officeDocument/2006/relationships/hyperlink" Target="https://www.pc.gov.au/inquiries-and-research/net-zero/" TargetMode="Externa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4.xml.rels><?xml version="1.0" encoding="UTF-8" standalone="yes"?>
<Relationships xmlns="http://schemas.openxmlformats.org/package/2006/relationships"><Relationship Id="rId2" Type="http://schemas.openxmlformats.org/officeDocument/2006/relationships/printerSettings" Target="../printerSettings/printerSettings3.bin"/><Relationship Id="rId1" Type="http://schemas.openxmlformats.org/officeDocument/2006/relationships/hyperlink" Target="https://www.climatechangeauthority.gov.au/2025-annual-progress-report" TargetMode="External"/></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sheetPr>
    <tabColor theme="2"/>
  </sheetPr>
  <dimension ref="A1:D8"/>
  <sheetViews>
    <sheetView showGridLines="0" tabSelected="1" zoomScale="80" zoomScaleNormal="80" workbookViewId="0">
      <selection activeCell="A2" sqref="A2"/>
    </sheetView>
  </sheetViews>
  <sheetFormatPr defaultColWidth="9.36328125" defaultRowHeight="12.5" x14ac:dyDescent="0.25"/>
  <sheetData>
    <row r="1" spans="1:4" ht="54.75" customHeight="1" x14ac:dyDescent="0.25"/>
    <row r="2" spans="1:4" ht="15.5" x14ac:dyDescent="0.35">
      <c r="A2" s="2" t="s">
        <v>0</v>
      </c>
    </row>
    <row r="3" spans="1:4" ht="15.5" x14ac:dyDescent="0.35">
      <c r="A3" s="2"/>
    </row>
    <row r="4" spans="1:4" ht="13" x14ac:dyDescent="0.3">
      <c r="A4" t="s">
        <v>68</v>
      </c>
    </row>
    <row r="6" spans="1:4" ht="13" x14ac:dyDescent="0.3">
      <c r="A6" t="s">
        <v>1</v>
      </c>
    </row>
    <row r="8" spans="1:4" x14ac:dyDescent="0.25">
      <c r="A8" t="s">
        <v>2</v>
      </c>
      <c r="D8" s="3" t="s">
        <v>3</v>
      </c>
    </row>
  </sheetData>
  <hyperlinks>
    <hyperlink ref="D8" r:id="rId1" display="https://www.pc.gov.au/inquiries-and-research/net-zero/" xr:uid="{715D74AF-1341-4B1C-B981-1B5FF4655AB3}"/>
  </hyperlinks>
  <pageMargins left="0.7" right="0.7" top="0.75" bottom="0.75" header="0.3" footer="0.3"/>
  <pageSetup paperSize="9" orientation="portrait" r:id="rId2"/>
  <headerFooter>
    <oddHeader>&amp;C&amp;"Calibri"&amp;12&amp;K000000  OFFICIAL&amp;1#_x000D_</oddHeader>
  </headerFooter>
  <drawing r:id="rId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03277C-7EA0-4C9D-B7FB-0186E4D75225}">
  <sheetPr>
    <tabColor theme="2" tint="0.79998168889431442"/>
  </sheetPr>
  <dimension ref="A1:C10"/>
  <sheetViews>
    <sheetView showGridLines="0" workbookViewId="0">
      <selection activeCell="C14" sqref="C14"/>
    </sheetView>
  </sheetViews>
  <sheetFormatPr defaultRowHeight="12.5" x14ac:dyDescent="0.25"/>
  <cols>
    <col min="1" max="1" width="11.54296875" customWidth="1"/>
  </cols>
  <sheetData>
    <row r="1" spans="1:3" ht="15.5" x14ac:dyDescent="0.35">
      <c r="A1" s="2" t="s">
        <v>4</v>
      </c>
    </row>
    <row r="2" spans="1:3" ht="13" x14ac:dyDescent="0.3">
      <c r="A2" s="4"/>
      <c r="B2" s="4"/>
      <c r="C2" s="4"/>
    </row>
    <row r="4" spans="1:3" ht="13" x14ac:dyDescent="0.3">
      <c r="A4" s="1" t="s">
        <v>5</v>
      </c>
      <c r="B4" s="1" t="s">
        <v>6</v>
      </c>
    </row>
    <row r="5" spans="1:3" x14ac:dyDescent="0.25">
      <c r="A5" s="3" t="s">
        <v>25</v>
      </c>
      <c r="B5" t="s">
        <v>27</v>
      </c>
    </row>
    <row r="6" spans="1:3" x14ac:dyDescent="0.25">
      <c r="A6" s="16" t="s">
        <v>7</v>
      </c>
      <c r="B6" t="s">
        <v>8</v>
      </c>
    </row>
    <row r="7" spans="1:3" x14ac:dyDescent="0.25">
      <c r="A7" s="16" t="s">
        <v>26</v>
      </c>
      <c r="B7" t="s">
        <v>67</v>
      </c>
    </row>
    <row r="8" spans="1:3" x14ac:dyDescent="0.25">
      <c r="A8" s="16" t="s">
        <v>9</v>
      </c>
      <c r="B8" t="s">
        <v>10</v>
      </c>
    </row>
    <row r="9" spans="1:3" x14ac:dyDescent="0.25">
      <c r="A9" s="3" t="s">
        <v>69</v>
      </c>
      <c r="B9" t="s">
        <v>70</v>
      </c>
    </row>
    <row r="10" spans="1:3" x14ac:dyDescent="0.25">
      <c r="A10" s="3" t="s">
        <v>71</v>
      </c>
      <c r="B10" t="s">
        <v>67</v>
      </c>
    </row>
  </sheetData>
  <hyperlinks>
    <hyperlink ref="A6" location="'Figure 2.1'!A1" display="Figure 2.1" xr:uid="{03E4D889-76F3-495A-BDEA-D5AC190259E9}"/>
    <hyperlink ref="A8" location="'Figure 3.2'!A1" display="Figure 3.2" xr:uid="{66842663-FE4A-4253-B7CC-E4276DBE0C54}"/>
    <hyperlink ref="A5" location="'Figure 1.1'!A1" display="Figure 1.1" xr:uid="{A9512ED4-21AE-4BEC-AEF5-8F4D89C832BC}"/>
    <hyperlink ref="A9" location="'Figure B.1'!A1" display="Figure B.1" xr:uid="{F0137946-52BD-4B8D-BADC-7AFF15A1189F}"/>
    <hyperlink ref="A10" location="'Figure B.2'!A1" display="Figure B.2" xr:uid="{204954AF-6F80-4A64-A29C-75003406C6B4}"/>
    <hyperlink ref="A7" location="'Figure 3.1'!A1" display="Figure 3.1" xr:uid="{17D55DE3-87BC-4CC8-9F5C-7DC08835825E}"/>
  </hyperlinks>
  <pageMargins left="0.7" right="0.7" top="0.75" bottom="0.75" header="0.3" footer="0.3"/>
  <pageSetup paperSize="9" orientation="portrait" r:id="rId1"/>
  <headerFooter>
    <oddHeader>&amp;C&amp;"Calibri"&amp;12&amp;K000000  OFFICIAL&amp;1#_x000D_</oddHeader>
  </headerFooter>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363C43C-D490-4D83-A332-52B76F02F9C9}">
  <dimension ref="A1:D17"/>
  <sheetViews>
    <sheetView showGridLines="0" workbookViewId="0"/>
  </sheetViews>
  <sheetFormatPr defaultRowHeight="12.5" x14ac:dyDescent="0.25"/>
  <cols>
    <col min="2" max="4" width="14.54296875" customWidth="1"/>
  </cols>
  <sheetData>
    <row r="1" spans="1:4" ht="13" x14ac:dyDescent="0.3">
      <c r="A1" s="1" t="s">
        <v>24</v>
      </c>
    </row>
    <row r="2" spans="1:4" x14ac:dyDescent="0.25">
      <c r="A2" t="s">
        <v>28</v>
      </c>
    </row>
    <row r="4" spans="1:4" ht="50" x14ac:dyDescent="0.25">
      <c r="A4" s="20" t="s">
        <v>11</v>
      </c>
      <c r="B4" s="23" t="s">
        <v>37</v>
      </c>
      <c r="C4" s="19" t="s">
        <v>38</v>
      </c>
      <c r="D4" s="21" t="s">
        <v>39</v>
      </c>
    </row>
    <row r="5" spans="1:4" x14ac:dyDescent="0.25">
      <c r="A5" s="22">
        <v>2025</v>
      </c>
      <c r="B5" s="35">
        <v>51.6</v>
      </c>
      <c r="C5" s="36">
        <v>32.4</v>
      </c>
      <c r="D5" s="36">
        <v>0</v>
      </c>
    </row>
    <row r="6" spans="1:4" x14ac:dyDescent="0.25">
      <c r="A6" s="5">
        <v>2026</v>
      </c>
      <c r="B6" s="37">
        <v>52.889999999999993</v>
      </c>
      <c r="C6" s="29">
        <v>33.21</v>
      </c>
      <c r="D6" s="29">
        <v>1.8291000000000002</v>
      </c>
    </row>
    <row r="7" spans="1:4" x14ac:dyDescent="0.25">
      <c r="A7" s="5">
        <v>2027</v>
      </c>
      <c r="B7" s="37">
        <v>54.212249999999983</v>
      </c>
      <c r="C7" s="29">
        <v>34.04025</v>
      </c>
      <c r="D7" s="29">
        <v>3.8411099999999978</v>
      </c>
    </row>
    <row r="8" spans="1:4" x14ac:dyDescent="0.25">
      <c r="A8" s="5">
        <v>2028</v>
      </c>
      <c r="B8" s="37">
        <v>55.567556249999981</v>
      </c>
      <c r="C8" s="29">
        <v>34.891256249999998</v>
      </c>
      <c r="D8" s="29">
        <v>6.049748250000003</v>
      </c>
    </row>
    <row r="9" spans="1:4" x14ac:dyDescent="0.25">
      <c r="A9" s="5">
        <v>2029</v>
      </c>
      <c r="B9" s="37">
        <v>56.95674515624998</v>
      </c>
      <c r="C9" s="29">
        <v>35.763537656249994</v>
      </c>
      <c r="D9" s="29">
        <v>8.469647550000003</v>
      </c>
    </row>
    <row r="10" spans="1:4" x14ac:dyDescent="0.25">
      <c r="A10" s="5">
        <v>2030</v>
      </c>
      <c r="B10" s="37">
        <v>58.380663785156216</v>
      </c>
      <c r="C10" s="29">
        <v>36.657626097656241</v>
      </c>
      <c r="D10" s="29">
        <v>11.116412409375004</v>
      </c>
    </row>
    <row r="11" spans="1:4" x14ac:dyDescent="0.25">
      <c r="A11" s="5">
        <v>2031</v>
      </c>
      <c r="B11" s="37">
        <v>59.84018037978511</v>
      </c>
      <c r="C11" s="29">
        <v>37.574066750097643</v>
      </c>
      <c r="D11" s="29">
        <v>14.006679635812503</v>
      </c>
    </row>
    <row r="12" spans="1:4" x14ac:dyDescent="0.25">
      <c r="A12" s="5">
        <v>2032</v>
      </c>
      <c r="B12" s="37">
        <v>61.336184889279735</v>
      </c>
      <c r="C12" s="29">
        <v>38.51341841885008</v>
      </c>
      <c r="D12" s="29">
        <v>17.158182553870322</v>
      </c>
    </row>
    <row r="13" spans="1:4" x14ac:dyDescent="0.25">
      <c r="A13" s="5">
        <v>2033</v>
      </c>
      <c r="B13" s="37">
        <v>62.869589511511727</v>
      </c>
      <c r="C13" s="29">
        <v>39.476253879321334</v>
      </c>
      <c r="D13" s="29">
        <v>20.589819064644377</v>
      </c>
    </row>
    <row r="14" spans="1:4" x14ac:dyDescent="0.25">
      <c r="A14" s="5">
        <v>2034</v>
      </c>
      <c r="B14" s="37">
        <v>64.441329249299514</v>
      </c>
      <c r="C14" s="29">
        <v>40.46316022630436</v>
      </c>
      <c r="D14" s="29">
        <v>23.978169022995154</v>
      </c>
    </row>
    <row r="15" spans="1:4" x14ac:dyDescent="0.25">
      <c r="A15" s="7">
        <v>2035</v>
      </c>
      <c r="B15" s="38">
        <v>66.052362480531997</v>
      </c>
      <c r="C15" s="30">
        <v>41.474739231961962</v>
      </c>
      <c r="D15" s="30">
        <v>24.577623248570035</v>
      </c>
    </row>
    <row r="17" spans="1:4" ht="133.4" customHeight="1" x14ac:dyDescent="0.25">
      <c r="A17" s="48" t="s">
        <v>76</v>
      </c>
      <c r="B17" s="48"/>
      <c r="C17" s="48"/>
      <c r="D17" s="48"/>
    </row>
  </sheetData>
  <mergeCells count="1">
    <mergeCell ref="A17:D17"/>
  </mergeCells>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J10"/>
  <sheetViews>
    <sheetView showGridLines="0" zoomScaleNormal="100" workbookViewId="0"/>
  </sheetViews>
  <sheetFormatPr defaultRowHeight="12.5" x14ac:dyDescent="0.25"/>
  <cols>
    <col min="1" max="1" width="38.36328125" customWidth="1"/>
  </cols>
  <sheetData>
    <row r="1" spans="1:10" ht="13" x14ac:dyDescent="0.3">
      <c r="A1" s="1" t="s">
        <v>32</v>
      </c>
    </row>
    <row r="2" spans="1:10" x14ac:dyDescent="0.25">
      <c r="A2" t="s">
        <v>31</v>
      </c>
    </row>
    <row r="4" spans="1:10" x14ac:dyDescent="0.25">
      <c r="A4" s="10" t="s">
        <v>11</v>
      </c>
      <c r="B4" s="11">
        <v>2017</v>
      </c>
      <c r="C4" s="11">
        <v>2018</v>
      </c>
      <c r="D4" s="11">
        <v>2019</v>
      </c>
      <c r="E4" s="11">
        <v>2020</v>
      </c>
      <c r="F4" s="11">
        <v>2021</v>
      </c>
      <c r="G4" s="11">
        <v>2022</v>
      </c>
      <c r="H4" s="11">
        <v>2023</v>
      </c>
      <c r="I4" s="11">
        <v>2024</v>
      </c>
      <c r="J4" s="12">
        <v>2025</v>
      </c>
    </row>
    <row r="5" spans="1:10" x14ac:dyDescent="0.25">
      <c r="A5" s="5" t="s">
        <v>29</v>
      </c>
      <c r="B5">
        <v>3</v>
      </c>
      <c r="C5">
        <v>5</v>
      </c>
      <c r="D5">
        <v>3</v>
      </c>
      <c r="E5">
        <v>4</v>
      </c>
      <c r="F5">
        <v>11</v>
      </c>
      <c r="G5">
        <v>9</v>
      </c>
      <c r="H5">
        <v>8</v>
      </c>
      <c r="I5">
        <v>1</v>
      </c>
      <c r="J5" s="6">
        <v>0</v>
      </c>
    </row>
    <row r="6" spans="1:10" x14ac:dyDescent="0.25">
      <c r="A6" s="7" t="s">
        <v>30</v>
      </c>
      <c r="B6" s="8">
        <v>0</v>
      </c>
      <c r="C6" s="8">
        <v>5</v>
      </c>
      <c r="D6" s="8">
        <v>2</v>
      </c>
      <c r="E6" s="8">
        <v>4</v>
      </c>
      <c r="F6" s="8">
        <v>8</v>
      </c>
      <c r="G6" s="8">
        <v>12</v>
      </c>
      <c r="H6" s="8">
        <v>21</v>
      </c>
      <c r="I6" s="8">
        <v>47</v>
      </c>
      <c r="J6" s="9">
        <v>54</v>
      </c>
    </row>
    <row r="8" spans="1:10" x14ac:dyDescent="0.25">
      <c r="A8" t="s">
        <v>58</v>
      </c>
    </row>
    <row r="9" spans="1:10" ht="13" x14ac:dyDescent="0.3">
      <c r="A9" t="s">
        <v>34</v>
      </c>
    </row>
    <row r="10" spans="1:10" x14ac:dyDescent="0.25">
      <c r="A10" s="3" t="s">
        <v>33</v>
      </c>
    </row>
  </sheetData>
  <hyperlinks>
    <hyperlink ref="A10" r:id="rId1" xr:uid="{C721B6F3-3AF9-44E4-80B8-A495FF524BD6}"/>
  </hyperlinks>
  <pageMargins left="0.7" right="0.7" top="0.75" bottom="0.75" header="0.3" footer="0.3"/>
  <pageSetup paperSize="9" orientation="portrait" r:id="rId2"/>
  <headerFooter>
    <oddHeader>&amp;C&amp;"Calibri"&amp;12&amp;K000000  OFFICIAL&amp;1#_x000D_</oddHeader>
  </headerFooter>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DC41994-B4DC-4C38-A7E0-B408B463F636}">
  <dimension ref="A1:N304"/>
  <sheetViews>
    <sheetView showGridLines="0" workbookViewId="0"/>
  </sheetViews>
  <sheetFormatPr defaultRowHeight="12.5" x14ac:dyDescent="0.25"/>
  <cols>
    <col min="2" max="2" width="18.08984375" customWidth="1"/>
    <col min="3" max="3" width="16.6328125" customWidth="1"/>
    <col min="4" max="4" width="27.6328125" customWidth="1"/>
    <col min="5" max="5" width="24.36328125" customWidth="1"/>
  </cols>
  <sheetData>
    <row r="1" spans="1:14" ht="13" x14ac:dyDescent="0.3">
      <c r="A1" s="1" t="s">
        <v>35</v>
      </c>
    </row>
    <row r="2" spans="1:14" x14ac:dyDescent="0.25">
      <c r="A2" t="s">
        <v>64</v>
      </c>
      <c r="N2" s="3"/>
    </row>
    <row r="4" spans="1:14" ht="25" x14ac:dyDescent="0.25">
      <c r="A4" s="40" t="s">
        <v>11</v>
      </c>
      <c r="B4" s="41" t="s">
        <v>40</v>
      </c>
      <c r="C4" s="41" t="s">
        <v>41</v>
      </c>
      <c r="D4" s="39" t="s">
        <v>43</v>
      </c>
      <c r="E4" s="25" t="s">
        <v>42</v>
      </c>
    </row>
    <row r="5" spans="1:14" x14ac:dyDescent="0.25">
      <c r="A5" s="42">
        <v>2026</v>
      </c>
      <c r="B5" s="44">
        <v>18.72</v>
      </c>
      <c r="C5" s="44">
        <v>18.03</v>
      </c>
      <c r="D5" s="44">
        <v>18.64</v>
      </c>
      <c r="E5" s="46">
        <v>18.11</v>
      </c>
    </row>
    <row r="6" spans="1:14" x14ac:dyDescent="0.25">
      <c r="A6" s="42">
        <v>2027</v>
      </c>
      <c r="B6" s="44">
        <v>18.87</v>
      </c>
      <c r="C6" s="44">
        <v>17.53</v>
      </c>
      <c r="D6" s="44">
        <v>18.739999999999998</v>
      </c>
      <c r="E6" s="46">
        <v>17.66</v>
      </c>
    </row>
    <row r="7" spans="1:14" x14ac:dyDescent="0.25">
      <c r="A7" s="42">
        <v>2028</v>
      </c>
      <c r="B7" s="44">
        <v>19.02</v>
      </c>
      <c r="C7" s="44">
        <v>17.02</v>
      </c>
      <c r="D7" s="44">
        <v>18.84</v>
      </c>
      <c r="E7" s="46">
        <v>17.2</v>
      </c>
    </row>
    <row r="8" spans="1:14" x14ac:dyDescent="0.25">
      <c r="A8" s="42">
        <v>2029</v>
      </c>
      <c r="B8" s="44">
        <v>19.16</v>
      </c>
      <c r="C8" s="44">
        <v>16.52</v>
      </c>
      <c r="D8" s="44">
        <v>18.93</v>
      </c>
      <c r="E8" s="46">
        <v>16.75</v>
      </c>
    </row>
    <row r="9" spans="1:14" x14ac:dyDescent="0.25">
      <c r="A9" s="42">
        <v>2030</v>
      </c>
      <c r="B9" s="44">
        <v>19.29</v>
      </c>
      <c r="C9" s="44">
        <v>16.02</v>
      </c>
      <c r="D9" s="44">
        <v>19.010000000000002</v>
      </c>
      <c r="E9" s="46">
        <v>16.3</v>
      </c>
    </row>
    <row r="10" spans="1:14" x14ac:dyDescent="0.25">
      <c r="A10" s="42">
        <v>2031</v>
      </c>
      <c r="B10" s="44">
        <v>19.43</v>
      </c>
      <c r="C10" s="44">
        <v>15.53</v>
      </c>
      <c r="D10" s="44">
        <v>19.100000000000001</v>
      </c>
      <c r="E10" s="46">
        <v>15.85</v>
      </c>
    </row>
    <row r="11" spans="1:14" x14ac:dyDescent="0.25">
      <c r="A11" s="42">
        <v>2032</v>
      </c>
      <c r="B11" s="44">
        <v>19.559999999999999</v>
      </c>
      <c r="C11" s="44">
        <v>15.04</v>
      </c>
      <c r="D11" s="44">
        <v>19.190000000000001</v>
      </c>
      <c r="E11" s="46">
        <v>15.41</v>
      </c>
    </row>
    <row r="12" spans="1:14" x14ac:dyDescent="0.25">
      <c r="A12" s="42">
        <v>2033</v>
      </c>
      <c r="B12" s="44">
        <v>19.690000000000001</v>
      </c>
      <c r="C12" s="44">
        <v>14.55</v>
      </c>
      <c r="D12" s="44">
        <v>19.27</v>
      </c>
      <c r="E12" s="46">
        <v>14.97</v>
      </c>
    </row>
    <row r="13" spans="1:14" x14ac:dyDescent="0.25">
      <c r="A13" s="42">
        <v>2034</v>
      </c>
      <c r="B13" s="44">
        <v>19.809999999999999</v>
      </c>
      <c r="C13" s="44">
        <v>14.07</v>
      </c>
      <c r="D13" s="44">
        <v>19.350000000000001</v>
      </c>
      <c r="E13" s="46">
        <v>14.53</v>
      </c>
    </row>
    <row r="14" spans="1:14" x14ac:dyDescent="0.25">
      <c r="A14" s="42">
        <v>2035</v>
      </c>
      <c r="B14" s="44">
        <v>19.93</v>
      </c>
      <c r="C14" s="44">
        <v>13.59</v>
      </c>
      <c r="D14" s="44">
        <v>19.420000000000002</v>
      </c>
      <c r="E14" s="46">
        <v>14.1</v>
      </c>
    </row>
    <row r="15" spans="1:14" x14ac:dyDescent="0.25">
      <c r="A15" s="42">
        <v>2036</v>
      </c>
      <c r="B15" s="44">
        <v>20.059999999999999</v>
      </c>
      <c r="C15" s="44">
        <v>13.13</v>
      </c>
      <c r="D15" s="44">
        <v>19.5</v>
      </c>
      <c r="E15" s="46">
        <v>13.68</v>
      </c>
    </row>
    <row r="16" spans="1:14" x14ac:dyDescent="0.25">
      <c r="A16" s="42">
        <v>2037</v>
      </c>
      <c r="B16" s="44">
        <v>20.18</v>
      </c>
      <c r="C16" s="44">
        <v>12.67</v>
      </c>
      <c r="D16" s="44">
        <v>19.579999999999998</v>
      </c>
      <c r="E16" s="46">
        <v>13.27</v>
      </c>
    </row>
    <row r="17" spans="1:5" x14ac:dyDescent="0.25">
      <c r="A17" s="42">
        <v>2038</v>
      </c>
      <c r="B17" s="44">
        <v>20.3</v>
      </c>
      <c r="C17" s="44">
        <v>12.22</v>
      </c>
      <c r="D17" s="44">
        <v>19.649999999999999</v>
      </c>
      <c r="E17" s="46">
        <v>12.86</v>
      </c>
    </row>
    <row r="18" spans="1:5" x14ac:dyDescent="0.25">
      <c r="A18" s="42">
        <v>2039</v>
      </c>
      <c r="B18" s="44">
        <v>20.41</v>
      </c>
      <c r="C18" s="44">
        <v>11.77</v>
      </c>
      <c r="D18" s="44">
        <v>19.72</v>
      </c>
      <c r="E18" s="46">
        <v>12.47</v>
      </c>
    </row>
    <row r="19" spans="1:5" x14ac:dyDescent="0.25">
      <c r="A19" s="42">
        <v>2040</v>
      </c>
      <c r="B19" s="44">
        <v>20.53</v>
      </c>
      <c r="C19" s="44">
        <v>11.34</v>
      </c>
      <c r="D19" s="44">
        <v>19.78</v>
      </c>
      <c r="E19" s="46">
        <v>12.08</v>
      </c>
    </row>
    <row r="20" spans="1:5" x14ac:dyDescent="0.25">
      <c r="A20" s="42">
        <v>2041</v>
      </c>
      <c r="B20" s="44">
        <v>20.64</v>
      </c>
      <c r="C20" s="44">
        <v>11.47</v>
      </c>
      <c r="D20" s="44">
        <v>19.850000000000001</v>
      </c>
      <c r="E20" s="46">
        <v>12.26</v>
      </c>
    </row>
    <row r="21" spans="1:5" x14ac:dyDescent="0.25">
      <c r="A21" s="42">
        <v>2042</v>
      </c>
      <c r="B21" s="44">
        <v>20.75</v>
      </c>
      <c r="C21" s="44">
        <v>11.6</v>
      </c>
      <c r="D21" s="44">
        <v>19.920000000000002</v>
      </c>
      <c r="E21" s="46">
        <v>12.44</v>
      </c>
    </row>
    <row r="22" spans="1:5" x14ac:dyDescent="0.25">
      <c r="A22" s="42">
        <v>2043</v>
      </c>
      <c r="B22" s="44">
        <v>20.86</v>
      </c>
      <c r="C22" s="44">
        <v>11.74</v>
      </c>
      <c r="D22" s="44">
        <v>19.98</v>
      </c>
      <c r="E22" s="46">
        <v>12.62</v>
      </c>
    </row>
    <row r="23" spans="1:5" x14ac:dyDescent="0.25">
      <c r="A23" s="42">
        <v>2044</v>
      </c>
      <c r="B23" s="44">
        <v>20.97</v>
      </c>
      <c r="C23" s="44">
        <v>11.87</v>
      </c>
      <c r="D23" s="44">
        <v>20.04</v>
      </c>
      <c r="E23" s="46">
        <v>12.8</v>
      </c>
    </row>
    <row r="24" spans="1:5" x14ac:dyDescent="0.25">
      <c r="A24" s="42">
        <v>2045</v>
      </c>
      <c r="B24" s="44">
        <v>21.07</v>
      </c>
      <c r="C24" s="44">
        <v>12</v>
      </c>
      <c r="D24" s="44">
        <v>20.09</v>
      </c>
      <c r="E24" s="46">
        <v>12.98</v>
      </c>
    </row>
    <row r="25" spans="1:5" x14ac:dyDescent="0.25">
      <c r="A25" s="42">
        <v>2046</v>
      </c>
      <c r="B25" s="44">
        <v>21.19</v>
      </c>
      <c r="C25" s="44">
        <v>12.14</v>
      </c>
      <c r="D25" s="44">
        <v>20.16</v>
      </c>
      <c r="E25" s="46">
        <v>13.17</v>
      </c>
    </row>
    <row r="26" spans="1:5" x14ac:dyDescent="0.25">
      <c r="A26" s="42">
        <v>2047</v>
      </c>
      <c r="B26" s="44">
        <v>21.3</v>
      </c>
      <c r="C26" s="44">
        <v>12.28</v>
      </c>
      <c r="D26" s="44">
        <v>20.22</v>
      </c>
      <c r="E26" s="46">
        <v>13.36</v>
      </c>
    </row>
    <row r="27" spans="1:5" x14ac:dyDescent="0.25">
      <c r="A27" s="42">
        <v>2048</v>
      </c>
      <c r="B27" s="44">
        <v>21.41</v>
      </c>
      <c r="C27" s="44">
        <v>12.42</v>
      </c>
      <c r="D27" s="44">
        <v>20.28</v>
      </c>
      <c r="E27" s="46">
        <v>13.55</v>
      </c>
    </row>
    <row r="28" spans="1:5" x14ac:dyDescent="0.25">
      <c r="A28" s="42">
        <v>2049</v>
      </c>
      <c r="B28" s="44">
        <v>21.52</v>
      </c>
      <c r="C28" s="44">
        <v>12.55</v>
      </c>
      <c r="D28" s="44">
        <v>20.34</v>
      </c>
      <c r="E28" s="46">
        <v>13.73</v>
      </c>
    </row>
    <row r="29" spans="1:5" x14ac:dyDescent="0.25">
      <c r="A29" s="42">
        <v>2050</v>
      </c>
      <c r="B29" s="44">
        <v>21.63</v>
      </c>
      <c r="C29" s="44">
        <v>12.69</v>
      </c>
      <c r="D29" s="44">
        <v>20.39</v>
      </c>
      <c r="E29" s="46">
        <v>13.92</v>
      </c>
    </row>
    <row r="30" spans="1:5" x14ac:dyDescent="0.25">
      <c r="A30" s="42">
        <v>2051</v>
      </c>
      <c r="B30" s="44">
        <v>21.73</v>
      </c>
      <c r="C30" s="44">
        <v>12.83</v>
      </c>
      <c r="D30" s="44">
        <v>20.45</v>
      </c>
      <c r="E30" s="46">
        <v>14.12</v>
      </c>
    </row>
    <row r="31" spans="1:5" x14ac:dyDescent="0.25">
      <c r="A31" s="42">
        <v>2052</v>
      </c>
      <c r="B31" s="44">
        <v>21.84</v>
      </c>
      <c r="C31" s="44">
        <v>12.97</v>
      </c>
      <c r="D31" s="44">
        <v>20.5</v>
      </c>
      <c r="E31" s="46">
        <v>14.31</v>
      </c>
    </row>
    <row r="32" spans="1:5" x14ac:dyDescent="0.25">
      <c r="A32" s="42">
        <v>2053</v>
      </c>
      <c r="B32" s="44">
        <v>21.94</v>
      </c>
      <c r="C32" s="44">
        <v>13.11</v>
      </c>
      <c r="D32" s="44">
        <v>20.55</v>
      </c>
      <c r="E32" s="46">
        <v>14.5</v>
      </c>
    </row>
    <row r="33" spans="1:5" x14ac:dyDescent="0.25">
      <c r="A33" s="42">
        <v>2054</v>
      </c>
      <c r="B33" s="44">
        <v>22.04</v>
      </c>
      <c r="C33" s="44">
        <v>13.25</v>
      </c>
      <c r="D33" s="44">
        <v>20.6</v>
      </c>
      <c r="E33" s="46">
        <v>14.69</v>
      </c>
    </row>
    <row r="34" spans="1:5" x14ac:dyDescent="0.25">
      <c r="A34" s="42">
        <v>2055</v>
      </c>
      <c r="B34" s="44">
        <v>22.14</v>
      </c>
      <c r="C34" s="44">
        <v>13.39</v>
      </c>
      <c r="D34" s="44">
        <v>20.64</v>
      </c>
      <c r="E34" s="46">
        <v>14.89</v>
      </c>
    </row>
    <row r="35" spans="1:5" x14ac:dyDescent="0.25">
      <c r="A35" s="42">
        <v>2056</v>
      </c>
      <c r="B35" s="44">
        <v>22.24</v>
      </c>
      <c r="C35" s="44">
        <v>13.53</v>
      </c>
      <c r="D35" s="44">
        <v>20.69</v>
      </c>
      <c r="E35" s="46">
        <v>15.08</v>
      </c>
    </row>
    <row r="36" spans="1:5" x14ac:dyDescent="0.25">
      <c r="A36" s="42">
        <v>2057</v>
      </c>
      <c r="B36" s="44">
        <v>22.34</v>
      </c>
      <c r="C36" s="44">
        <v>13.67</v>
      </c>
      <c r="D36" s="44">
        <v>20.73</v>
      </c>
      <c r="E36" s="46">
        <v>15.28</v>
      </c>
    </row>
    <row r="37" spans="1:5" x14ac:dyDescent="0.25">
      <c r="A37" s="42">
        <v>2058</v>
      </c>
      <c r="B37" s="44">
        <v>22.43</v>
      </c>
      <c r="C37" s="44">
        <v>13.81</v>
      </c>
      <c r="D37" s="44">
        <v>20.77</v>
      </c>
      <c r="E37" s="46">
        <v>15.48</v>
      </c>
    </row>
    <row r="38" spans="1:5" x14ac:dyDescent="0.25">
      <c r="A38" s="42">
        <v>2059</v>
      </c>
      <c r="B38" s="44">
        <v>22.53</v>
      </c>
      <c r="C38" s="44">
        <v>13.95</v>
      </c>
      <c r="D38" s="44">
        <v>20.8</v>
      </c>
      <c r="E38" s="46">
        <v>15.68</v>
      </c>
    </row>
    <row r="39" spans="1:5" x14ac:dyDescent="0.25">
      <c r="A39" s="42">
        <v>2060</v>
      </c>
      <c r="B39" s="44">
        <v>22.62</v>
      </c>
      <c r="C39" s="44">
        <v>14.09</v>
      </c>
      <c r="D39" s="44">
        <v>20.84</v>
      </c>
      <c r="E39" s="46">
        <v>15.87</v>
      </c>
    </row>
    <row r="40" spans="1:5" x14ac:dyDescent="0.25">
      <c r="A40" s="42">
        <v>2061</v>
      </c>
      <c r="B40" s="44">
        <v>22.76</v>
      </c>
      <c r="C40" s="44">
        <v>14.26</v>
      </c>
      <c r="D40" s="44">
        <v>20.9</v>
      </c>
      <c r="E40" s="46">
        <v>16.12</v>
      </c>
    </row>
    <row r="41" spans="1:5" x14ac:dyDescent="0.25">
      <c r="A41" s="42">
        <v>2062</v>
      </c>
      <c r="B41" s="44">
        <v>22.89</v>
      </c>
      <c r="C41" s="44">
        <v>14.43</v>
      </c>
      <c r="D41" s="44">
        <v>20.97</v>
      </c>
      <c r="E41" s="46">
        <v>16.36</v>
      </c>
    </row>
    <row r="42" spans="1:5" x14ac:dyDescent="0.25">
      <c r="A42" s="42">
        <v>2063</v>
      </c>
      <c r="B42" s="44">
        <v>23.03</v>
      </c>
      <c r="C42" s="44">
        <v>14.6</v>
      </c>
      <c r="D42" s="44">
        <v>21.03</v>
      </c>
      <c r="E42" s="46">
        <v>16.600000000000001</v>
      </c>
    </row>
    <row r="43" spans="1:5" x14ac:dyDescent="0.25">
      <c r="A43" s="42">
        <v>2064</v>
      </c>
      <c r="B43" s="44">
        <v>23.16</v>
      </c>
      <c r="C43" s="44">
        <v>14.78</v>
      </c>
      <c r="D43" s="44">
        <v>21.09</v>
      </c>
      <c r="E43" s="46">
        <v>16.84</v>
      </c>
    </row>
    <row r="44" spans="1:5" x14ac:dyDescent="0.25">
      <c r="A44" s="42">
        <v>2065</v>
      </c>
      <c r="B44" s="44">
        <v>23.29</v>
      </c>
      <c r="C44" s="44">
        <v>14.95</v>
      </c>
      <c r="D44" s="44">
        <v>21.15</v>
      </c>
      <c r="E44" s="46">
        <v>17.09</v>
      </c>
    </row>
    <row r="45" spans="1:5" x14ac:dyDescent="0.25">
      <c r="A45" s="42">
        <v>2066</v>
      </c>
      <c r="B45" s="44">
        <v>23.39</v>
      </c>
      <c r="C45" s="44">
        <v>15.1</v>
      </c>
      <c r="D45" s="44">
        <v>21.18</v>
      </c>
      <c r="E45" s="46">
        <v>17.309999999999999</v>
      </c>
    </row>
    <row r="46" spans="1:5" x14ac:dyDescent="0.25">
      <c r="A46" s="42">
        <v>2067</v>
      </c>
      <c r="B46" s="44">
        <v>23.49</v>
      </c>
      <c r="C46" s="44">
        <v>15.25</v>
      </c>
      <c r="D46" s="44">
        <v>21.21</v>
      </c>
      <c r="E46" s="46">
        <v>17.54</v>
      </c>
    </row>
    <row r="47" spans="1:5" x14ac:dyDescent="0.25">
      <c r="A47" s="42">
        <v>2068</v>
      </c>
      <c r="B47" s="44">
        <v>23.59</v>
      </c>
      <c r="C47" s="44">
        <v>15.41</v>
      </c>
      <c r="D47" s="44">
        <v>21.23</v>
      </c>
      <c r="E47" s="46">
        <v>17.760000000000002</v>
      </c>
    </row>
    <row r="48" spans="1:5" x14ac:dyDescent="0.25">
      <c r="A48" s="42">
        <v>2069</v>
      </c>
      <c r="B48" s="44">
        <v>23.69</v>
      </c>
      <c r="C48" s="44">
        <v>15.56</v>
      </c>
      <c r="D48" s="44">
        <v>21.26</v>
      </c>
      <c r="E48" s="46">
        <v>17.989999999999998</v>
      </c>
    </row>
    <row r="49" spans="1:5" x14ac:dyDescent="0.25">
      <c r="A49" s="42">
        <v>2070</v>
      </c>
      <c r="B49" s="44">
        <v>23.78</v>
      </c>
      <c r="C49" s="44">
        <v>15.72</v>
      </c>
      <c r="D49" s="44">
        <v>21.28</v>
      </c>
      <c r="E49" s="46">
        <v>18.22</v>
      </c>
    </row>
    <row r="50" spans="1:5" x14ac:dyDescent="0.25">
      <c r="A50" s="42">
        <v>2071</v>
      </c>
      <c r="B50" s="44">
        <v>23.96</v>
      </c>
      <c r="C50" s="44">
        <v>15.93</v>
      </c>
      <c r="D50" s="44">
        <v>21.36</v>
      </c>
      <c r="E50" s="46">
        <v>18.52</v>
      </c>
    </row>
    <row r="51" spans="1:5" x14ac:dyDescent="0.25">
      <c r="A51" s="42">
        <v>2072</v>
      </c>
      <c r="B51" s="44">
        <v>24.14</v>
      </c>
      <c r="C51" s="44">
        <v>16.14</v>
      </c>
      <c r="D51" s="44">
        <v>21.44</v>
      </c>
      <c r="E51" s="46">
        <v>18.829999999999998</v>
      </c>
    </row>
    <row r="52" spans="1:5" x14ac:dyDescent="0.25">
      <c r="A52" s="42">
        <v>2073</v>
      </c>
      <c r="B52" s="44">
        <v>24.32</v>
      </c>
      <c r="C52" s="44">
        <v>16.350000000000001</v>
      </c>
      <c r="D52" s="44">
        <v>21.52</v>
      </c>
      <c r="E52" s="46">
        <v>19.14</v>
      </c>
    </row>
    <row r="53" spans="1:5" x14ac:dyDescent="0.25">
      <c r="A53" s="42">
        <v>2074</v>
      </c>
      <c r="B53" s="44">
        <v>24.5</v>
      </c>
      <c r="C53" s="44">
        <v>16.559999999999999</v>
      </c>
      <c r="D53" s="44">
        <v>21.6</v>
      </c>
      <c r="E53" s="46">
        <v>19.46</v>
      </c>
    </row>
    <row r="54" spans="1:5" x14ac:dyDescent="0.25">
      <c r="A54" s="42">
        <v>2075</v>
      </c>
      <c r="B54" s="44">
        <v>24.68</v>
      </c>
      <c r="C54" s="44">
        <v>16.77</v>
      </c>
      <c r="D54" s="44">
        <v>21.68</v>
      </c>
      <c r="E54" s="46">
        <v>19.77</v>
      </c>
    </row>
    <row r="55" spans="1:5" x14ac:dyDescent="0.25">
      <c r="A55" s="42">
        <v>2076</v>
      </c>
      <c r="B55" s="44">
        <v>24.82</v>
      </c>
      <c r="C55" s="44">
        <v>16.95</v>
      </c>
      <c r="D55" s="44">
        <v>21.72</v>
      </c>
      <c r="E55" s="46">
        <v>20.05</v>
      </c>
    </row>
    <row r="56" spans="1:5" x14ac:dyDescent="0.25">
      <c r="A56" s="42">
        <v>2077</v>
      </c>
      <c r="B56" s="44">
        <v>24.96</v>
      </c>
      <c r="C56" s="44">
        <v>17.14</v>
      </c>
      <c r="D56" s="44">
        <v>21.77</v>
      </c>
      <c r="E56" s="46">
        <v>20.329999999999998</v>
      </c>
    </row>
    <row r="57" spans="1:5" x14ac:dyDescent="0.25">
      <c r="A57" s="42">
        <v>2078</v>
      </c>
      <c r="B57" s="44">
        <v>25.1</v>
      </c>
      <c r="C57" s="44">
        <v>17.32</v>
      </c>
      <c r="D57" s="44">
        <v>21.81</v>
      </c>
      <c r="E57" s="46">
        <v>20.61</v>
      </c>
    </row>
    <row r="58" spans="1:5" x14ac:dyDescent="0.25">
      <c r="A58" s="42">
        <v>2079</v>
      </c>
      <c r="B58" s="44">
        <v>25.25</v>
      </c>
      <c r="C58" s="44">
        <v>17.510000000000002</v>
      </c>
      <c r="D58" s="44">
        <v>21.86</v>
      </c>
      <c r="E58" s="46">
        <v>20.89</v>
      </c>
    </row>
    <row r="59" spans="1:5" x14ac:dyDescent="0.25">
      <c r="A59" s="42">
        <v>2080</v>
      </c>
      <c r="B59" s="44">
        <v>25.39</v>
      </c>
      <c r="C59" s="44">
        <v>17.690000000000001</v>
      </c>
      <c r="D59" s="44">
        <v>21.9</v>
      </c>
      <c r="E59" s="46">
        <v>21.18</v>
      </c>
    </row>
    <row r="60" spans="1:5" x14ac:dyDescent="0.25">
      <c r="A60" s="42">
        <v>2081</v>
      </c>
      <c r="B60" s="44">
        <v>25.62</v>
      </c>
      <c r="C60" s="44">
        <v>17.93</v>
      </c>
      <c r="D60" s="44">
        <v>22</v>
      </c>
      <c r="E60" s="46">
        <v>21.55</v>
      </c>
    </row>
    <row r="61" spans="1:5" x14ac:dyDescent="0.25">
      <c r="A61" s="42">
        <v>2082</v>
      </c>
      <c r="B61" s="44">
        <v>25.85</v>
      </c>
      <c r="C61" s="44">
        <v>18.170000000000002</v>
      </c>
      <c r="D61" s="44">
        <v>22.11</v>
      </c>
      <c r="E61" s="46">
        <v>21.92</v>
      </c>
    </row>
    <row r="62" spans="1:5" x14ac:dyDescent="0.25">
      <c r="A62" s="42">
        <v>2083</v>
      </c>
      <c r="B62" s="44">
        <v>26.09</v>
      </c>
      <c r="C62" s="44">
        <v>18.420000000000002</v>
      </c>
      <c r="D62" s="44">
        <v>22.21</v>
      </c>
      <c r="E62" s="46">
        <v>22.29</v>
      </c>
    </row>
    <row r="63" spans="1:5" x14ac:dyDescent="0.25">
      <c r="A63" s="42">
        <v>2084</v>
      </c>
      <c r="B63" s="44">
        <v>26.33</v>
      </c>
      <c r="C63" s="44">
        <v>18.66</v>
      </c>
      <c r="D63" s="44">
        <v>22.32</v>
      </c>
      <c r="E63" s="46">
        <v>22.67</v>
      </c>
    </row>
    <row r="64" spans="1:5" x14ac:dyDescent="0.25">
      <c r="A64" s="42">
        <v>2085</v>
      </c>
      <c r="B64" s="44">
        <v>26.57</v>
      </c>
      <c r="C64" s="44">
        <v>18.899999999999999</v>
      </c>
      <c r="D64" s="44">
        <v>22.42</v>
      </c>
      <c r="E64" s="46">
        <v>23.05</v>
      </c>
    </row>
    <row r="65" spans="1:5" x14ac:dyDescent="0.25">
      <c r="A65" s="42">
        <v>2086</v>
      </c>
      <c r="B65" s="44">
        <v>26.87</v>
      </c>
      <c r="C65" s="44">
        <v>19.190000000000001</v>
      </c>
      <c r="D65" s="44">
        <v>22.57</v>
      </c>
      <c r="E65" s="46">
        <v>23.49</v>
      </c>
    </row>
    <row r="66" spans="1:5" x14ac:dyDescent="0.25">
      <c r="A66" s="42">
        <v>2087</v>
      </c>
      <c r="B66" s="44">
        <v>27.18</v>
      </c>
      <c r="C66" s="44">
        <v>19.47</v>
      </c>
      <c r="D66" s="44">
        <v>22.72</v>
      </c>
      <c r="E66" s="46">
        <v>23.93</v>
      </c>
    </row>
    <row r="67" spans="1:5" x14ac:dyDescent="0.25">
      <c r="A67" s="42">
        <v>2088</v>
      </c>
      <c r="B67" s="44">
        <v>27.49</v>
      </c>
      <c r="C67" s="44">
        <v>19.75</v>
      </c>
      <c r="D67" s="44">
        <v>22.87</v>
      </c>
      <c r="E67" s="46">
        <v>24.38</v>
      </c>
    </row>
    <row r="68" spans="1:5" x14ac:dyDescent="0.25">
      <c r="A68" s="42">
        <v>2089</v>
      </c>
      <c r="B68" s="44">
        <v>27.81</v>
      </c>
      <c r="C68" s="44">
        <v>20.04</v>
      </c>
      <c r="D68" s="44">
        <v>23.02</v>
      </c>
      <c r="E68" s="46">
        <v>24.83</v>
      </c>
    </row>
    <row r="69" spans="1:5" x14ac:dyDescent="0.25">
      <c r="A69" s="42">
        <v>2090</v>
      </c>
      <c r="B69" s="44">
        <v>28.13</v>
      </c>
      <c r="C69" s="44">
        <v>20.32</v>
      </c>
      <c r="D69" s="44">
        <v>23.18</v>
      </c>
      <c r="E69" s="46">
        <v>25.28</v>
      </c>
    </row>
    <row r="70" spans="1:5" x14ac:dyDescent="0.25">
      <c r="A70" s="42">
        <v>2091</v>
      </c>
      <c r="B70" s="44">
        <v>28.39</v>
      </c>
      <c r="C70" s="44">
        <v>20.56</v>
      </c>
      <c r="D70" s="44">
        <v>23.29</v>
      </c>
      <c r="E70" s="46">
        <v>25.66</v>
      </c>
    </row>
    <row r="71" spans="1:5" x14ac:dyDescent="0.25">
      <c r="A71" s="42">
        <v>2092</v>
      </c>
      <c r="B71" s="44">
        <v>28.66</v>
      </c>
      <c r="C71" s="44">
        <v>20.8</v>
      </c>
      <c r="D71" s="44">
        <v>23.41</v>
      </c>
      <c r="E71" s="46">
        <v>26.05</v>
      </c>
    </row>
    <row r="72" spans="1:5" x14ac:dyDescent="0.25">
      <c r="A72" s="42">
        <v>2093</v>
      </c>
      <c r="B72" s="44">
        <v>28.93</v>
      </c>
      <c r="C72" s="44">
        <v>21.04</v>
      </c>
      <c r="D72" s="44">
        <v>23.53</v>
      </c>
      <c r="E72" s="46">
        <v>26.44</v>
      </c>
    </row>
    <row r="73" spans="1:5" x14ac:dyDescent="0.25">
      <c r="A73" s="42">
        <v>2094</v>
      </c>
      <c r="B73" s="44">
        <v>29.2</v>
      </c>
      <c r="C73" s="44">
        <v>21.28</v>
      </c>
      <c r="D73" s="44">
        <v>23.65</v>
      </c>
      <c r="E73" s="46">
        <v>26.83</v>
      </c>
    </row>
    <row r="74" spans="1:5" x14ac:dyDescent="0.25">
      <c r="A74" s="42">
        <v>2095</v>
      </c>
      <c r="B74" s="44">
        <v>29.48</v>
      </c>
      <c r="C74" s="44">
        <v>21.53</v>
      </c>
      <c r="D74" s="44">
        <v>23.78</v>
      </c>
      <c r="E74" s="46">
        <v>27.23</v>
      </c>
    </row>
    <row r="75" spans="1:5" x14ac:dyDescent="0.25">
      <c r="A75" s="42">
        <v>2096</v>
      </c>
      <c r="B75" s="44">
        <v>29.83</v>
      </c>
      <c r="C75" s="44">
        <v>21.81</v>
      </c>
      <c r="D75" s="44">
        <v>23.95</v>
      </c>
      <c r="E75" s="46">
        <v>27.69</v>
      </c>
    </row>
    <row r="76" spans="1:5" x14ac:dyDescent="0.25">
      <c r="A76" s="42">
        <v>2097</v>
      </c>
      <c r="B76" s="44">
        <v>30.19</v>
      </c>
      <c r="C76" s="44">
        <v>22.1</v>
      </c>
      <c r="D76" s="44">
        <v>24.13</v>
      </c>
      <c r="E76" s="46">
        <v>28.15</v>
      </c>
    </row>
    <row r="77" spans="1:5" x14ac:dyDescent="0.25">
      <c r="A77" s="42">
        <v>2098</v>
      </c>
      <c r="B77" s="44">
        <v>30.55</v>
      </c>
      <c r="C77" s="44">
        <v>22.39</v>
      </c>
      <c r="D77" s="44">
        <v>24.31</v>
      </c>
      <c r="E77" s="46">
        <v>28.62</v>
      </c>
    </row>
    <row r="78" spans="1:5" x14ac:dyDescent="0.25">
      <c r="A78" s="42">
        <v>2099</v>
      </c>
      <c r="B78" s="44">
        <v>30.92</v>
      </c>
      <c r="C78" s="44">
        <v>22.68</v>
      </c>
      <c r="D78" s="44">
        <v>24.5</v>
      </c>
      <c r="E78" s="46">
        <v>29.09</v>
      </c>
    </row>
    <row r="79" spans="1:5" x14ac:dyDescent="0.25">
      <c r="A79" s="43">
        <v>2100</v>
      </c>
      <c r="B79" s="45">
        <v>31.29</v>
      </c>
      <c r="C79" s="45">
        <v>22.97</v>
      </c>
      <c r="D79" s="45">
        <v>24.69</v>
      </c>
      <c r="E79" s="47">
        <v>29.57</v>
      </c>
    </row>
    <row r="80" spans="1:5" ht="14.5" x14ac:dyDescent="0.35">
      <c r="B80" s="18"/>
      <c r="C80" s="18"/>
    </row>
    <row r="81" spans="1:3" ht="14.5" x14ac:dyDescent="0.35">
      <c r="A81" s="17" t="s">
        <v>57</v>
      </c>
      <c r="B81" s="18"/>
      <c r="C81" s="18"/>
    </row>
    <row r="82" spans="1:3" ht="14.5" x14ac:dyDescent="0.35">
      <c r="A82" t="s">
        <v>36</v>
      </c>
      <c r="B82" s="18"/>
      <c r="C82" s="18"/>
    </row>
    <row r="83" spans="1:3" ht="14.5" x14ac:dyDescent="0.35">
      <c r="A83" s="18"/>
      <c r="B83" s="18"/>
      <c r="C83" s="18"/>
    </row>
    <row r="84" spans="1:3" ht="14.5" x14ac:dyDescent="0.35">
      <c r="A84" s="18"/>
      <c r="B84" s="18"/>
      <c r="C84" s="18"/>
    </row>
    <row r="85" spans="1:3" ht="14.5" x14ac:dyDescent="0.35">
      <c r="A85" s="18"/>
      <c r="B85" s="18"/>
      <c r="C85" s="18"/>
    </row>
    <row r="86" spans="1:3" ht="14.5" x14ac:dyDescent="0.35">
      <c r="A86" s="18"/>
      <c r="B86" s="18"/>
      <c r="C86" s="18"/>
    </row>
    <row r="87" spans="1:3" ht="14.5" x14ac:dyDescent="0.35">
      <c r="A87" s="18"/>
      <c r="B87" s="18"/>
      <c r="C87" s="18"/>
    </row>
    <row r="88" spans="1:3" ht="14.5" x14ac:dyDescent="0.35">
      <c r="A88" s="18"/>
      <c r="B88" s="18"/>
      <c r="C88" s="18"/>
    </row>
    <row r="89" spans="1:3" ht="14.5" x14ac:dyDescent="0.35">
      <c r="A89" s="18"/>
      <c r="B89" s="18"/>
      <c r="C89" s="18"/>
    </row>
    <row r="90" spans="1:3" ht="14.5" x14ac:dyDescent="0.35">
      <c r="A90" s="18"/>
      <c r="B90" s="18"/>
      <c r="C90" s="18"/>
    </row>
    <row r="91" spans="1:3" ht="14.5" x14ac:dyDescent="0.35">
      <c r="A91" s="18"/>
      <c r="B91" s="18"/>
      <c r="C91" s="18"/>
    </row>
    <row r="92" spans="1:3" ht="14.5" x14ac:dyDescent="0.35">
      <c r="A92" s="18"/>
      <c r="B92" s="18"/>
      <c r="C92" s="18"/>
    </row>
    <row r="93" spans="1:3" ht="14.5" x14ac:dyDescent="0.35">
      <c r="A93" s="18"/>
      <c r="B93" s="18"/>
      <c r="C93" s="18"/>
    </row>
    <row r="94" spans="1:3" ht="14.5" x14ac:dyDescent="0.35">
      <c r="A94" s="18"/>
      <c r="B94" s="18"/>
      <c r="C94" s="18"/>
    </row>
    <row r="95" spans="1:3" ht="14.5" x14ac:dyDescent="0.35">
      <c r="A95" s="18"/>
      <c r="B95" s="18"/>
      <c r="C95" s="18"/>
    </row>
    <row r="96" spans="1:3" ht="14.5" x14ac:dyDescent="0.35">
      <c r="A96" s="18"/>
      <c r="B96" s="18"/>
      <c r="C96" s="18"/>
    </row>
    <row r="97" spans="1:3" ht="14.5" x14ac:dyDescent="0.35">
      <c r="A97" s="18"/>
      <c r="B97" s="18"/>
      <c r="C97" s="18"/>
    </row>
    <row r="98" spans="1:3" ht="14.5" x14ac:dyDescent="0.35">
      <c r="A98" s="18"/>
      <c r="B98" s="18"/>
      <c r="C98" s="18"/>
    </row>
    <row r="99" spans="1:3" ht="14.5" x14ac:dyDescent="0.35">
      <c r="A99" s="18"/>
      <c r="B99" s="18"/>
      <c r="C99" s="18"/>
    </row>
    <row r="100" spans="1:3" ht="14.5" x14ac:dyDescent="0.35">
      <c r="A100" s="18"/>
      <c r="B100" s="18"/>
      <c r="C100" s="18"/>
    </row>
    <row r="101" spans="1:3" ht="14.5" x14ac:dyDescent="0.35">
      <c r="A101" s="18"/>
      <c r="B101" s="18"/>
      <c r="C101" s="18"/>
    </row>
    <row r="102" spans="1:3" ht="14.5" x14ac:dyDescent="0.35">
      <c r="A102" s="18"/>
      <c r="B102" s="18"/>
      <c r="C102" s="18"/>
    </row>
    <row r="103" spans="1:3" ht="14.5" x14ac:dyDescent="0.35">
      <c r="A103" s="18"/>
      <c r="B103" s="18"/>
      <c r="C103" s="18"/>
    </row>
    <row r="104" spans="1:3" ht="14.5" x14ac:dyDescent="0.35">
      <c r="A104" s="18"/>
      <c r="B104" s="18"/>
      <c r="C104" s="18"/>
    </row>
    <row r="105" spans="1:3" ht="14.5" x14ac:dyDescent="0.35">
      <c r="A105" s="18"/>
      <c r="B105" s="18"/>
      <c r="C105" s="18"/>
    </row>
    <row r="106" spans="1:3" ht="14.5" x14ac:dyDescent="0.35">
      <c r="A106" s="18"/>
      <c r="B106" s="18"/>
      <c r="C106" s="18"/>
    </row>
    <row r="107" spans="1:3" ht="14.5" x14ac:dyDescent="0.35">
      <c r="A107" s="18"/>
      <c r="B107" s="18"/>
      <c r="C107" s="18"/>
    </row>
    <row r="108" spans="1:3" ht="14.5" x14ac:dyDescent="0.35">
      <c r="A108" s="18"/>
      <c r="B108" s="18"/>
      <c r="C108" s="18"/>
    </row>
    <row r="109" spans="1:3" ht="14.5" x14ac:dyDescent="0.35">
      <c r="A109" s="18"/>
      <c r="B109" s="18"/>
      <c r="C109" s="18"/>
    </row>
    <row r="110" spans="1:3" ht="14.5" x14ac:dyDescent="0.35">
      <c r="A110" s="18"/>
      <c r="B110" s="18"/>
      <c r="C110" s="18"/>
    </row>
    <row r="111" spans="1:3" ht="14.5" x14ac:dyDescent="0.35">
      <c r="A111" s="18"/>
      <c r="B111" s="18"/>
      <c r="C111" s="18"/>
    </row>
    <row r="112" spans="1:3" ht="14.5" x14ac:dyDescent="0.35">
      <c r="A112" s="18"/>
      <c r="B112" s="18"/>
      <c r="C112" s="18"/>
    </row>
    <row r="113" spans="1:3" ht="14.5" x14ac:dyDescent="0.35">
      <c r="A113" s="18"/>
      <c r="B113" s="18"/>
      <c r="C113" s="18"/>
    </row>
    <row r="114" spans="1:3" ht="14.5" x14ac:dyDescent="0.35">
      <c r="A114" s="18"/>
      <c r="B114" s="18"/>
      <c r="C114" s="18"/>
    </row>
    <row r="115" spans="1:3" ht="14.5" x14ac:dyDescent="0.35">
      <c r="A115" s="18"/>
      <c r="B115" s="18"/>
      <c r="C115" s="18"/>
    </row>
    <row r="116" spans="1:3" ht="14.5" x14ac:dyDescent="0.35">
      <c r="A116" s="18"/>
      <c r="B116" s="18"/>
      <c r="C116" s="18"/>
    </row>
    <row r="117" spans="1:3" ht="14.5" x14ac:dyDescent="0.35">
      <c r="A117" s="18"/>
      <c r="B117" s="18"/>
      <c r="C117" s="18"/>
    </row>
    <row r="118" spans="1:3" ht="14.5" x14ac:dyDescent="0.35">
      <c r="A118" s="18"/>
      <c r="B118" s="18"/>
      <c r="C118" s="18"/>
    </row>
    <row r="119" spans="1:3" ht="14.5" x14ac:dyDescent="0.35">
      <c r="A119" s="18"/>
      <c r="B119" s="18"/>
      <c r="C119" s="18"/>
    </row>
    <row r="120" spans="1:3" ht="14.5" x14ac:dyDescent="0.35">
      <c r="A120" s="18"/>
      <c r="B120" s="18"/>
      <c r="C120" s="18"/>
    </row>
    <row r="121" spans="1:3" ht="14.5" x14ac:dyDescent="0.35">
      <c r="A121" s="18"/>
      <c r="B121" s="18"/>
      <c r="C121" s="18"/>
    </row>
    <row r="122" spans="1:3" ht="14.5" x14ac:dyDescent="0.35">
      <c r="A122" s="18"/>
      <c r="B122" s="18"/>
      <c r="C122" s="18"/>
    </row>
    <row r="123" spans="1:3" ht="14.5" x14ac:dyDescent="0.35">
      <c r="A123" s="18"/>
      <c r="B123" s="18"/>
      <c r="C123" s="18"/>
    </row>
    <row r="124" spans="1:3" ht="14.5" x14ac:dyDescent="0.35">
      <c r="A124" s="18"/>
      <c r="B124" s="18"/>
      <c r="C124" s="18"/>
    </row>
    <row r="125" spans="1:3" ht="14.5" x14ac:dyDescent="0.35">
      <c r="A125" s="18"/>
      <c r="B125" s="18"/>
      <c r="C125" s="18"/>
    </row>
    <row r="126" spans="1:3" ht="14.5" x14ac:dyDescent="0.35">
      <c r="A126" s="18"/>
      <c r="B126" s="18"/>
      <c r="C126" s="18"/>
    </row>
    <row r="127" spans="1:3" ht="14.5" x14ac:dyDescent="0.35">
      <c r="A127" s="18"/>
      <c r="B127" s="18"/>
      <c r="C127" s="18"/>
    </row>
    <row r="128" spans="1:3" ht="14.5" x14ac:dyDescent="0.35">
      <c r="A128" s="18"/>
      <c r="B128" s="18"/>
      <c r="C128" s="18"/>
    </row>
    <row r="129" spans="1:3" ht="14.5" x14ac:dyDescent="0.35">
      <c r="A129" s="18"/>
      <c r="B129" s="18"/>
      <c r="C129" s="18"/>
    </row>
    <row r="130" spans="1:3" ht="14.5" x14ac:dyDescent="0.35">
      <c r="A130" s="18"/>
      <c r="B130" s="18"/>
      <c r="C130" s="18"/>
    </row>
    <row r="131" spans="1:3" ht="14.5" x14ac:dyDescent="0.35">
      <c r="A131" s="18"/>
      <c r="B131" s="18"/>
      <c r="C131" s="18"/>
    </row>
    <row r="132" spans="1:3" ht="14.5" x14ac:dyDescent="0.35">
      <c r="A132" s="18"/>
      <c r="B132" s="18"/>
      <c r="C132" s="18"/>
    </row>
    <row r="133" spans="1:3" ht="14.5" x14ac:dyDescent="0.35">
      <c r="A133" s="18"/>
      <c r="B133" s="18"/>
      <c r="C133" s="18"/>
    </row>
    <row r="134" spans="1:3" ht="14.5" x14ac:dyDescent="0.35">
      <c r="A134" s="18"/>
      <c r="B134" s="18"/>
      <c r="C134" s="18"/>
    </row>
    <row r="135" spans="1:3" ht="14.5" x14ac:dyDescent="0.35">
      <c r="A135" s="18"/>
      <c r="B135" s="18"/>
      <c r="C135" s="18"/>
    </row>
    <row r="136" spans="1:3" ht="14.5" x14ac:dyDescent="0.35">
      <c r="A136" s="18"/>
      <c r="B136" s="18"/>
      <c r="C136" s="18"/>
    </row>
    <row r="137" spans="1:3" ht="14.5" x14ac:dyDescent="0.35">
      <c r="A137" s="18"/>
      <c r="B137" s="18"/>
      <c r="C137" s="18"/>
    </row>
    <row r="138" spans="1:3" ht="14.5" x14ac:dyDescent="0.35">
      <c r="A138" s="18"/>
      <c r="B138" s="18"/>
      <c r="C138" s="18"/>
    </row>
    <row r="139" spans="1:3" ht="14.5" x14ac:dyDescent="0.35">
      <c r="A139" s="18"/>
      <c r="B139" s="18"/>
      <c r="C139" s="18"/>
    </row>
    <row r="140" spans="1:3" ht="14.5" x14ac:dyDescent="0.35">
      <c r="A140" s="18"/>
      <c r="B140" s="18"/>
      <c r="C140" s="18"/>
    </row>
    <row r="141" spans="1:3" ht="14.5" x14ac:dyDescent="0.35">
      <c r="A141" s="18"/>
      <c r="B141" s="18"/>
      <c r="C141" s="18"/>
    </row>
    <row r="142" spans="1:3" ht="14.5" x14ac:dyDescent="0.35">
      <c r="A142" s="18"/>
      <c r="B142" s="18"/>
      <c r="C142" s="18"/>
    </row>
    <row r="143" spans="1:3" ht="14.5" x14ac:dyDescent="0.35">
      <c r="A143" s="18"/>
      <c r="B143" s="18"/>
      <c r="C143" s="18"/>
    </row>
    <row r="144" spans="1:3" ht="14.5" x14ac:dyDescent="0.35">
      <c r="A144" s="18"/>
      <c r="B144" s="18"/>
      <c r="C144" s="18"/>
    </row>
    <row r="145" spans="1:3" ht="14.5" x14ac:dyDescent="0.35">
      <c r="A145" s="18"/>
      <c r="B145" s="18"/>
      <c r="C145" s="18"/>
    </row>
    <row r="146" spans="1:3" ht="14.5" x14ac:dyDescent="0.35">
      <c r="A146" s="18"/>
      <c r="B146" s="18"/>
      <c r="C146" s="18"/>
    </row>
    <row r="147" spans="1:3" ht="14.5" x14ac:dyDescent="0.35">
      <c r="A147" s="18"/>
      <c r="B147" s="18"/>
      <c r="C147" s="18"/>
    </row>
    <row r="148" spans="1:3" ht="14.5" x14ac:dyDescent="0.35">
      <c r="A148" s="18"/>
      <c r="B148" s="18"/>
      <c r="C148" s="18"/>
    </row>
    <row r="149" spans="1:3" ht="14.5" x14ac:dyDescent="0.35">
      <c r="A149" s="18"/>
      <c r="B149" s="18"/>
      <c r="C149" s="18"/>
    </row>
    <row r="150" spans="1:3" ht="14.5" x14ac:dyDescent="0.35">
      <c r="A150" s="18"/>
      <c r="B150" s="18"/>
      <c r="C150" s="18"/>
    </row>
    <row r="151" spans="1:3" ht="14.5" x14ac:dyDescent="0.35">
      <c r="A151" s="18"/>
      <c r="B151" s="18"/>
      <c r="C151" s="18"/>
    </row>
    <row r="152" spans="1:3" ht="14.5" x14ac:dyDescent="0.35">
      <c r="A152" s="18"/>
      <c r="B152" s="18"/>
      <c r="C152" s="18"/>
    </row>
    <row r="153" spans="1:3" ht="14.5" x14ac:dyDescent="0.35">
      <c r="A153" s="18"/>
      <c r="B153" s="18"/>
      <c r="C153" s="18"/>
    </row>
    <row r="154" spans="1:3" ht="14.5" x14ac:dyDescent="0.35">
      <c r="A154" s="18"/>
      <c r="B154" s="18"/>
      <c r="C154" s="18"/>
    </row>
    <row r="155" spans="1:3" ht="14.5" x14ac:dyDescent="0.35">
      <c r="A155" s="18"/>
      <c r="B155" s="18"/>
      <c r="C155" s="18"/>
    </row>
    <row r="156" spans="1:3" ht="14.5" x14ac:dyDescent="0.35">
      <c r="A156" s="18"/>
      <c r="B156" s="18"/>
      <c r="C156" s="18"/>
    </row>
    <row r="157" spans="1:3" ht="14.5" x14ac:dyDescent="0.35">
      <c r="A157" s="18"/>
      <c r="B157" s="18"/>
      <c r="C157" s="18"/>
    </row>
    <row r="158" spans="1:3" ht="14.5" x14ac:dyDescent="0.35">
      <c r="A158" s="18"/>
      <c r="B158" s="18"/>
      <c r="C158" s="18"/>
    </row>
    <row r="159" spans="1:3" ht="14.5" x14ac:dyDescent="0.35">
      <c r="A159" s="18"/>
      <c r="B159" s="18"/>
      <c r="C159" s="18"/>
    </row>
    <row r="160" spans="1:3" ht="14.5" x14ac:dyDescent="0.35">
      <c r="A160" s="18"/>
      <c r="B160" s="18"/>
      <c r="C160" s="18"/>
    </row>
    <row r="161" spans="1:3" ht="14.5" x14ac:dyDescent="0.35">
      <c r="A161" s="18"/>
      <c r="B161" s="18"/>
      <c r="C161" s="18"/>
    </row>
    <row r="162" spans="1:3" ht="14.5" x14ac:dyDescent="0.35">
      <c r="A162" s="18"/>
      <c r="B162" s="18"/>
      <c r="C162" s="18"/>
    </row>
    <row r="163" spans="1:3" ht="14.5" x14ac:dyDescent="0.35">
      <c r="A163" s="18"/>
      <c r="B163" s="18"/>
      <c r="C163" s="18"/>
    </row>
    <row r="164" spans="1:3" ht="14.5" x14ac:dyDescent="0.35">
      <c r="A164" s="18"/>
      <c r="B164" s="18"/>
      <c r="C164" s="18"/>
    </row>
    <row r="165" spans="1:3" ht="14.5" x14ac:dyDescent="0.35">
      <c r="A165" s="18"/>
      <c r="B165" s="18"/>
      <c r="C165" s="18"/>
    </row>
    <row r="166" spans="1:3" ht="14.5" x14ac:dyDescent="0.35">
      <c r="A166" s="18"/>
      <c r="B166" s="18"/>
      <c r="C166" s="18"/>
    </row>
    <row r="167" spans="1:3" ht="14.5" x14ac:dyDescent="0.35">
      <c r="A167" s="18"/>
      <c r="B167" s="18"/>
      <c r="C167" s="18"/>
    </row>
    <row r="168" spans="1:3" ht="14.5" x14ac:dyDescent="0.35">
      <c r="A168" s="18"/>
      <c r="B168" s="18"/>
      <c r="C168" s="18"/>
    </row>
    <row r="169" spans="1:3" ht="14.5" x14ac:dyDescent="0.35">
      <c r="A169" s="18"/>
      <c r="B169" s="18"/>
      <c r="C169" s="18"/>
    </row>
    <row r="170" spans="1:3" ht="14.5" x14ac:dyDescent="0.35">
      <c r="A170" s="18"/>
      <c r="B170" s="18"/>
      <c r="C170" s="18"/>
    </row>
    <row r="171" spans="1:3" ht="14.5" x14ac:dyDescent="0.35">
      <c r="A171" s="18"/>
      <c r="B171" s="18"/>
      <c r="C171" s="18"/>
    </row>
    <row r="172" spans="1:3" ht="14.5" x14ac:dyDescent="0.35">
      <c r="A172" s="18"/>
      <c r="B172" s="18"/>
      <c r="C172" s="18"/>
    </row>
    <row r="173" spans="1:3" ht="14.5" x14ac:dyDescent="0.35">
      <c r="A173" s="18"/>
      <c r="B173" s="18"/>
      <c r="C173" s="18"/>
    </row>
    <row r="174" spans="1:3" ht="14.5" x14ac:dyDescent="0.35">
      <c r="A174" s="18"/>
      <c r="B174" s="18"/>
      <c r="C174" s="18"/>
    </row>
    <row r="175" spans="1:3" ht="14.5" x14ac:dyDescent="0.35">
      <c r="A175" s="18"/>
      <c r="B175" s="18"/>
      <c r="C175" s="18"/>
    </row>
    <row r="176" spans="1:3" ht="14.5" x14ac:dyDescent="0.35">
      <c r="A176" s="18"/>
      <c r="B176" s="18"/>
      <c r="C176" s="18"/>
    </row>
    <row r="177" spans="1:3" ht="14.5" x14ac:dyDescent="0.35">
      <c r="A177" s="18"/>
      <c r="B177" s="18"/>
      <c r="C177" s="18"/>
    </row>
    <row r="178" spans="1:3" ht="14.5" x14ac:dyDescent="0.35">
      <c r="A178" s="18"/>
      <c r="B178" s="18"/>
      <c r="C178" s="18"/>
    </row>
    <row r="179" spans="1:3" ht="14.5" x14ac:dyDescent="0.35">
      <c r="A179" s="18"/>
      <c r="B179" s="18"/>
      <c r="C179" s="18"/>
    </row>
    <row r="180" spans="1:3" ht="14.5" x14ac:dyDescent="0.35">
      <c r="A180" s="18"/>
      <c r="B180" s="18"/>
      <c r="C180" s="18"/>
    </row>
    <row r="181" spans="1:3" ht="14.5" x14ac:dyDescent="0.35">
      <c r="A181" s="18"/>
      <c r="B181" s="18"/>
      <c r="C181" s="18"/>
    </row>
    <row r="182" spans="1:3" ht="14.5" x14ac:dyDescent="0.35">
      <c r="A182" s="18"/>
      <c r="B182" s="18"/>
      <c r="C182" s="18"/>
    </row>
    <row r="183" spans="1:3" ht="14.5" x14ac:dyDescent="0.35">
      <c r="A183" s="18"/>
      <c r="B183" s="18"/>
      <c r="C183" s="18"/>
    </row>
    <row r="184" spans="1:3" ht="14.5" x14ac:dyDescent="0.35">
      <c r="A184" s="18"/>
      <c r="B184" s="18"/>
      <c r="C184" s="18"/>
    </row>
    <row r="185" spans="1:3" ht="14.5" x14ac:dyDescent="0.35">
      <c r="A185" s="18"/>
      <c r="B185" s="18"/>
      <c r="C185" s="18"/>
    </row>
    <row r="186" spans="1:3" ht="14.5" x14ac:dyDescent="0.35">
      <c r="A186" s="18"/>
      <c r="B186" s="18"/>
      <c r="C186" s="18"/>
    </row>
    <row r="187" spans="1:3" ht="14.5" x14ac:dyDescent="0.35">
      <c r="A187" s="18"/>
      <c r="B187" s="18"/>
      <c r="C187" s="18"/>
    </row>
    <row r="188" spans="1:3" ht="14.5" x14ac:dyDescent="0.35">
      <c r="A188" s="18"/>
      <c r="B188" s="18"/>
      <c r="C188" s="18"/>
    </row>
    <row r="189" spans="1:3" ht="14.5" x14ac:dyDescent="0.35">
      <c r="A189" s="18"/>
      <c r="B189" s="18"/>
      <c r="C189" s="18"/>
    </row>
    <row r="190" spans="1:3" ht="14.5" x14ac:dyDescent="0.35">
      <c r="A190" s="18"/>
      <c r="B190" s="18"/>
      <c r="C190" s="18"/>
    </row>
    <row r="191" spans="1:3" ht="14.5" x14ac:dyDescent="0.35">
      <c r="A191" s="18"/>
      <c r="B191" s="18"/>
      <c r="C191" s="18"/>
    </row>
    <row r="192" spans="1:3" ht="14.5" x14ac:dyDescent="0.35">
      <c r="A192" s="18"/>
      <c r="B192" s="18"/>
      <c r="C192" s="18"/>
    </row>
    <row r="193" spans="1:3" ht="14.5" x14ac:dyDescent="0.35">
      <c r="A193" s="18"/>
      <c r="B193" s="18"/>
      <c r="C193" s="18"/>
    </row>
    <row r="194" spans="1:3" ht="14.5" x14ac:dyDescent="0.35">
      <c r="A194" s="18"/>
      <c r="B194" s="18"/>
      <c r="C194" s="18"/>
    </row>
    <row r="195" spans="1:3" ht="14.5" x14ac:dyDescent="0.35">
      <c r="A195" s="18"/>
      <c r="B195" s="18"/>
      <c r="C195" s="18"/>
    </row>
    <row r="196" spans="1:3" ht="14.5" x14ac:dyDescent="0.35">
      <c r="A196" s="18"/>
      <c r="B196" s="18"/>
      <c r="C196" s="18"/>
    </row>
    <row r="197" spans="1:3" ht="14.5" x14ac:dyDescent="0.35">
      <c r="A197" s="18"/>
      <c r="B197" s="18"/>
      <c r="C197" s="18"/>
    </row>
    <row r="198" spans="1:3" ht="14.5" x14ac:dyDescent="0.35">
      <c r="A198" s="18"/>
      <c r="B198" s="18"/>
      <c r="C198" s="18"/>
    </row>
    <row r="199" spans="1:3" ht="14.5" x14ac:dyDescent="0.35">
      <c r="A199" s="18"/>
      <c r="B199" s="18"/>
      <c r="C199" s="18"/>
    </row>
    <row r="200" spans="1:3" ht="14.5" x14ac:dyDescent="0.35">
      <c r="A200" s="18"/>
      <c r="B200" s="18"/>
      <c r="C200" s="18"/>
    </row>
    <row r="201" spans="1:3" ht="14.5" x14ac:dyDescent="0.35">
      <c r="A201" s="18"/>
      <c r="B201" s="18"/>
      <c r="C201" s="18"/>
    </row>
    <row r="202" spans="1:3" ht="14.5" x14ac:dyDescent="0.35">
      <c r="A202" s="18"/>
      <c r="B202" s="18"/>
      <c r="C202" s="18"/>
    </row>
    <row r="203" spans="1:3" ht="14.5" x14ac:dyDescent="0.35">
      <c r="A203" s="18"/>
      <c r="B203" s="18"/>
      <c r="C203" s="18"/>
    </row>
    <row r="204" spans="1:3" ht="14.5" x14ac:dyDescent="0.35">
      <c r="A204" s="18"/>
      <c r="B204" s="18"/>
      <c r="C204" s="18"/>
    </row>
    <row r="205" spans="1:3" ht="14.5" x14ac:dyDescent="0.35">
      <c r="A205" s="18"/>
      <c r="B205" s="18"/>
      <c r="C205" s="18"/>
    </row>
    <row r="206" spans="1:3" ht="14.5" x14ac:dyDescent="0.35">
      <c r="A206" s="18"/>
      <c r="B206" s="18"/>
      <c r="C206" s="18"/>
    </row>
    <row r="207" spans="1:3" ht="14.5" x14ac:dyDescent="0.35">
      <c r="A207" s="18"/>
      <c r="B207" s="18"/>
      <c r="C207" s="18"/>
    </row>
    <row r="208" spans="1:3" ht="14.5" x14ac:dyDescent="0.35">
      <c r="A208" s="18"/>
      <c r="B208" s="18"/>
      <c r="C208" s="18"/>
    </row>
    <row r="209" spans="1:3" ht="14.5" x14ac:dyDescent="0.35">
      <c r="A209" s="18"/>
      <c r="B209" s="18"/>
      <c r="C209" s="18"/>
    </row>
    <row r="210" spans="1:3" ht="14.5" x14ac:dyDescent="0.35">
      <c r="A210" s="18"/>
      <c r="B210" s="18"/>
      <c r="C210" s="18"/>
    </row>
    <row r="211" spans="1:3" ht="14.5" x14ac:dyDescent="0.35">
      <c r="A211" s="18"/>
      <c r="B211" s="18"/>
      <c r="C211" s="18"/>
    </row>
    <row r="212" spans="1:3" ht="14.5" x14ac:dyDescent="0.35">
      <c r="A212" s="18"/>
      <c r="B212" s="18"/>
      <c r="C212" s="18"/>
    </row>
    <row r="213" spans="1:3" ht="14.5" x14ac:dyDescent="0.35">
      <c r="A213" s="18"/>
      <c r="B213" s="18"/>
      <c r="C213" s="18"/>
    </row>
    <row r="214" spans="1:3" ht="14.5" x14ac:dyDescent="0.35">
      <c r="A214" s="18"/>
      <c r="B214" s="18"/>
      <c r="C214" s="18"/>
    </row>
    <row r="215" spans="1:3" ht="14.5" x14ac:dyDescent="0.35">
      <c r="A215" s="18"/>
      <c r="B215" s="18"/>
      <c r="C215" s="18"/>
    </row>
    <row r="216" spans="1:3" ht="14.5" x14ac:dyDescent="0.35">
      <c r="A216" s="18"/>
      <c r="B216" s="18"/>
      <c r="C216" s="18"/>
    </row>
    <row r="217" spans="1:3" ht="14.5" x14ac:dyDescent="0.35">
      <c r="A217" s="18"/>
      <c r="B217" s="18"/>
      <c r="C217" s="18"/>
    </row>
    <row r="218" spans="1:3" ht="14.5" x14ac:dyDescent="0.35">
      <c r="A218" s="18"/>
      <c r="B218" s="18"/>
      <c r="C218" s="18"/>
    </row>
    <row r="219" spans="1:3" ht="14.5" x14ac:dyDescent="0.35">
      <c r="A219" s="18"/>
      <c r="B219" s="18"/>
      <c r="C219" s="18"/>
    </row>
    <row r="220" spans="1:3" ht="14.5" x14ac:dyDescent="0.35">
      <c r="A220" s="18"/>
      <c r="B220" s="18"/>
      <c r="C220" s="18"/>
    </row>
    <row r="221" spans="1:3" ht="14.5" x14ac:dyDescent="0.35">
      <c r="A221" s="18"/>
      <c r="B221" s="18"/>
      <c r="C221" s="18"/>
    </row>
    <row r="222" spans="1:3" ht="14.5" x14ac:dyDescent="0.35">
      <c r="A222" s="18"/>
      <c r="B222" s="18"/>
      <c r="C222" s="18"/>
    </row>
    <row r="223" spans="1:3" ht="14.5" x14ac:dyDescent="0.35">
      <c r="A223" s="18"/>
      <c r="B223" s="18"/>
      <c r="C223" s="18"/>
    </row>
    <row r="224" spans="1:3" ht="14.5" x14ac:dyDescent="0.35">
      <c r="A224" s="18"/>
      <c r="B224" s="18"/>
      <c r="C224" s="18"/>
    </row>
    <row r="225" spans="1:3" ht="14.5" x14ac:dyDescent="0.35">
      <c r="A225" s="18"/>
      <c r="B225" s="18"/>
      <c r="C225" s="18"/>
    </row>
    <row r="226" spans="1:3" ht="14.5" x14ac:dyDescent="0.35">
      <c r="A226" s="18"/>
      <c r="B226" s="18"/>
      <c r="C226" s="18"/>
    </row>
    <row r="227" spans="1:3" ht="14.5" x14ac:dyDescent="0.35">
      <c r="A227" s="18"/>
      <c r="B227" s="18"/>
      <c r="C227" s="18"/>
    </row>
    <row r="228" spans="1:3" ht="14.5" x14ac:dyDescent="0.35">
      <c r="A228" s="18"/>
      <c r="B228" s="18"/>
      <c r="C228" s="18"/>
    </row>
    <row r="229" spans="1:3" ht="14.5" x14ac:dyDescent="0.35">
      <c r="A229" s="18"/>
      <c r="B229" s="18"/>
      <c r="C229" s="18"/>
    </row>
    <row r="230" spans="1:3" ht="14.5" x14ac:dyDescent="0.35">
      <c r="A230" s="18"/>
      <c r="B230" s="18"/>
      <c r="C230" s="18"/>
    </row>
    <row r="231" spans="1:3" ht="14.5" x14ac:dyDescent="0.35">
      <c r="A231" s="18"/>
      <c r="B231" s="18"/>
      <c r="C231" s="18"/>
    </row>
    <row r="232" spans="1:3" ht="14.5" x14ac:dyDescent="0.35">
      <c r="A232" s="18"/>
      <c r="B232" s="18"/>
      <c r="C232" s="18"/>
    </row>
    <row r="233" spans="1:3" ht="14.5" x14ac:dyDescent="0.35">
      <c r="A233" s="18"/>
      <c r="B233" s="18"/>
      <c r="C233" s="18"/>
    </row>
    <row r="234" spans="1:3" ht="14.5" x14ac:dyDescent="0.35">
      <c r="A234" s="18"/>
      <c r="B234" s="18"/>
      <c r="C234" s="18"/>
    </row>
    <row r="235" spans="1:3" ht="14.5" x14ac:dyDescent="0.35">
      <c r="A235" s="18"/>
      <c r="B235" s="18"/>
      <c r="C235" s="18"/>
    </row>
    <row r="236" spans="1:3" ht="14.5" x14ac:dyDescent="0.35">
      <c r="A236" s="18"/>
      <c r="B236" s="18"/>
      <c r="C236" s="18"/>
    </row>
    <row r="237" spans="1:3" ht="14.5" x14ac:dyDescent="0.35">
      <c r="A237" s="18"/>
      <c r="B237" s="18"/>
      <c r="C237" s="18"/>
    </row>
    <row r="238" spans="1:3" ht="14.5" x14ac:dyDescent="0.35">
      <c r="A238" s="18"/>
      <c r="B238" s="18"/>
      <c r="C238" s="18"/>
    </row>
    <row r="239" spans="1:3" ht="14.5" x14ac:dyDescent="0.35">
      <c r="A239" s="18"/>
      <c r="B239" s="18"/>
      <c r="C239" s="18"/>
    </row>
    <row r="240" spans="1:3" ht="14.5" x14ac:dyDescent="0.35">
      <c r="A240" s="18"/>
      <c r="B240" s="18"/>
      <c r="C240" s="18"/>
    </row>
    <row r="241" spans="1:3" ht="14.5" x14ac:dyDescent="0.35">
      <c r="A241" s="18"/>
      <c r="B241" s="18"/>
      <c r="C241" s="18"/>
    </row>
    <row r="242" spans="1:3" ht="14.5" x14ac:dyDescent="0.35">
      <c r="A242" s="18"/>
      <c r="B242" s="18"/>
      <c r="C242" s="18"/>
    </row>
    <row r="243" spans="1:3" ht="14.5" x14ac:dyDescent="0.35">
      <c r="A243" s="18"/>
      <c r="B243" s="18"/>
      <c r="C243" s="18"/>
    </row>
    <row r="244" spans="1:3" ht="14.5" x14ac:dyDescent="0.35">
      <c r="A244" s="18"/>
      <c r="B244" s="18"/>
      <c r="C244" s="18"/>
    </row>
    <row r="245" spans="1:3" ht="14.5" x14ac:dyDescent="0.35">
      <c r="A245" s="18"/>
      <c r="B245" s="18"/>
      <c r="C245" s="18"/>
    </row>
    <row r="246" spans="1:3" ht="14.5" x14ac:dyDescent="0.35">
      <c r="A246" s="18"/>
      <c r="B246" s="18"/>
      <c r="C246" s="18"/>
    </row>
    <row r="247" spans="1:3" ht="14.5" x14ac:dyDescent="0.35">
      <c r="A247" s="18"/>
      <c r="B247" s="18"/>
      <c r="C247" s="18"/>
    </row>
    <row r="248" spans="1:3" ht="14.5" x14ac:dyDescent="0.35">
      <c r="A248" s="18"/>
      <c r="B248" s="18"/>
      <c r="C248" s="18"/>
    </row>
    <row r="249" spans="1:3" ht="14.5" x14ac:dyDescent="0.35">
      <c r="A249" s="18"/>
      <c r="B249" s="18"/>
      <c r="C249" s="18"/>
    </row>
    <row r="250" spans="1:3" ht="14.5" x14ac:dyDescent="0.35">
      <c r="A250" s="18"/>
      <c r="B250" s="18"/>
      <c r="C250" s="18"/>
    </row>
    <row r="251" spans="1:3" ht="14.5" x14ac:dyDescent="0.35">
      <c r="A251" s="18"/>
      <c r="B251" s="18"/>
      <c r="C251" s="18"/>
    </row>
    <row r="252" spans="1:3" ht="14.5" x14ac:dyDescent="0.35">
      <c r="A252" s="18"/>
      <c r="B252" s="18"/>
      <c r="C252" s="18"/>
    </row>
    <row r="253" spans="1:3" ht="14.5" x14ac:dyDescent="0.35">
      <c r="A253" s="18"/>
      <c r="B253" s="18"/>
      <c r="C253" s="18"/>
    </row>
    <row r="254" spans="1:3" ht="14.5" x14ac:dyDescent="0.35">
      <c r="A254" s="18"/>
      <c r="B254" s="18"/>
      <c r="C254" s="18"/>
    </row>
    <row r="255" spans="1:3" ht="14.5" x14ac:dyDescent="0.35">
      <c r="A255" s="18"/>
      <c r="B255" s="18"/>
      <c r="C255" s="18"/>
    </row>
    <row r="256" spans="1:3" ht="14.5" x14ac:dyDescent="0.35">
      <c r="A256" s="18"/>
      <c r="B256" s="18"/>
      <c r="C256" s="18"/>
    </row>
    <row r="257" spans="1:3" ht="14.5" x14ac:dyDescent="0.35">
      <c r="A257" s="18"/>
      <c r="B257" s="18"/>
      <c r="C257" s="18"/>
    </row>
    <row r="258" spans="1:3" ht="14.5" x14ac:dyDescent="0.35">
      <c r="A258" s="18"/>
      <c r="B258" s="18"/>
      <c r="C258" s="18"/>
    </row>
    <row r="259" spans="1:3" ht="14.5" x14ac:dyDescent="0.35">
      <c r="A259" s="18"/>
      <c r="B259" s="18"/>
      <c r="C259" s="18"/>
    </row>
    <row r="260" spans="1:3" ht="14.5" x14ac:dyDescent="0.35">
      <c r="A260" s="18"/>
      <c r="B260" s="18"/>
      <c r="C260" s="18"/>
    </row>
    <row r="261" spans="1:3" ht="14.5" x14ac:dyDescent="0.35">
      <c r="A261" s="18"/>
      <c r="B261" s="18"/>
      <c r="C261" s="18"/>
    </row>
    <row r="262" spans="1:3" ht="14.5" x14ac:dyDescent="0.35">
      <c r="A262" s="18"/>
      <c r="B262" s="18"/>
      <c r="C262" s="18"/>
    </row>
    <row r="263" spans="1:3" ht="14.5" x14ac:dyDescent="0.35">
      <c r="A263" s="18"/>
      <c r="B263" s="18"/>
      <c r="C263" s="18"/>
    </row>
    <row r="264" spans="1:3" ht="14.5" x14ac:dyDescent="0.35">
      <c r="A264" s="18"/>
      <c r="B264" s="18"/>
      <c r="C264" s="18"/>
    </row>
    <row r="265" spans="1:3" ht="14.5" x14ac:dyDescent="0.35">
      <c r="A265" s="18"/>
      <c r="B265" s="18"/>
      <c r="C265" s="18"/>
    </row>
    <row r="266" spans="1:3" ht="14.5" x14ac:dyDescent="0.35">
      <c r="A266" s="18"/>
      <c r="B266" s="18"/>
      <c r="C266" s="18"/>
    </row>
    <row r="267" spans="1:3" ht="14.5" x14ac:dyDescent="0.35">
      <c r="A267" s="18"/>
      <c r="B267" s="18"/>
      <c r="C267" s="18"/>
    </row>
    <row r="268" spans="1:3" ht="14.5" x14ac:dyDescent="0.35">
      <c r="A268" s="18"/>
      <c r="B268" s="18"/>
      <c r="C268" s="18"/>
    </row>
    <row r="269" spans="1:3" ht="14.5" x14ac:dyDescent="0.35">
      <c r="A269" s="18"/>
      <c r="B269" s="18"/>
      <c r="C269" s="18"/>
    </row>
    <row r="270" spans="1:3" ht="14.5" x14ac:dyDescent="0.35">
      <c r="A270" s="18"/>
      <c r="B270" s="18"/>
      <c r="C270" s="18"/>
    </row>
    <row r="271" spans="1:3" ht="14.5" x14ac:dyDescent="0.35">
      <c r="A271" s="18"/>
      <c r="B271" s="18"/>
      <c r="C271" s="18"/>
    </row>
    <row r="272" spans="1:3" ht="14.5" x14ac:dyDescent="0.35">
      <c r="A272" s="18"/>
      <c r="B272" s="18"/>
      <c r="C272" s="18"/>
    </row>
    <row r="273" spans="1:3" ht="14.5" x14ac:dyDescent="0.35">
      <c r="A273" s="18"/>
      <c r="B273" s="18"/>
      <c r="C273" s="18"/>
    </row>
    <row r="274" spans="1:3" ht="14.5" x14ac:dyDescent="0.35">
      <c r="A274" s="18"/>
      <c r="B274" s="18"/>
      <c r="C274" s="18"/>
    </row>
    <row r="275" spans="1:3" ht="14.5" x14ac:dyDescent="0.35">
      <c r="A275" s="18"/>
      <c r="B275" s="18"/>
      <c r="C275" s="18"/>
    </row>
    <row r="276" spans="1:3" ht="14.5" x14ac:dyDescent="0.35">
      <c r="A276" s="18"/>
      <c r="B276" s="18"/>
      <c r="C276" s="18"/>
    </row>
    <row r="277" spans="1:3" ht="14.5" x14ac:dyDescent="0.35">
      <c r="A277" s="18"/>
      <c r="B277" s="18"/>
      <c r="C277" s="18"/>
    </row>
    <row r="278" spans="1:3" ht="14.5" x14ac:dyDescent="0.35">
      <c r="A278" s="18"/>
      <c r="B278" s="18"/>
      <c r="C278" s="18"/>
    </row>
    <row r="279" spans="1:3" ht="14.5" x14ac:dyDescent="0.35">
      <c r="A279" s="18"/>
      <c r="B279" s="18"/>
      <c r="C279" s="18"/>
    </row>
    <row r="280" spans="1:3" ht="14.5" x14ac:dyDescent="0.35">
      <c r="A280" s="18"/>
      <c r="B280" s="18"/>
      <c r="C280" s="18"/>
    </row>
    <row r="281" spans="1:3" ht="14.5" x14ac:dyDescent="0.35">
      <c r="A281" s="18"/>
      <c r="B281" s="18"/>
      <c r="C281" s="18"/>
    </row>
    <row r="282" spans="1:3" ht="14.5" x14ac:dyDescent="0.35">
      <c r="A282" s="18"/>
      <c r="B282" s="18"/>
      <c r="C282" s="18"/>
    </row>
    <row r="283" spans="1:3" ht="14.5" x14ac:dyDescent="0.35">
      <c r="A283" s="18"/>
      <c r="B283" s="18"/>
      <c r="C283" s="18"/>
    </row>
    <row r="284" spans="1:3" ht="14.5" x14ac:dyDescent="0.35">
      <c r="A284" s="18"/>
      <c r="B284" s="18"/>
      <c r="C284" s="18"/>
    </row>
    <row r="285" spans="1:3" ht="14.5" x14ac:dyDescent="0.35">
      <c r="A285" s="18"/>
      <c r="B285" s="18"/>
      <c r="C285" s="18"/>
    </row>
    <row r="286" spans="1:3" ht="14.5" x14ac:dyDescent="0.35">
      <c r="A286" s="18"/>
      <c r="B286" s="18"/>
      <c r="C286" s="18"/>
    </row>
    <row r="287" spans="1:3" ht="14.5" x14ac:dyDescent="0.35">
      <c r="A287" s="18"/>
      <c r="B287" s="18"/>
      <c r="C287" s="18"/>
    </row>
    <row r="288" spans="1:3" ht="14.5" x14ac:dyDescent="0.35">
      <c r="A288" s="18"/>
      <c r="B288" s="18"/>
      <c r="C288" s="18"/>
    </row>
    <row r="289" spans="1:3" ht="14.5" x14ac:dyDescent="0.35">
      <c r="A289" s="18"/>
      <c r="B289" s="18"/>
      <c r="C289" s="18"/>
    </row>
    <row r="290" spans="1:3" ht="14.5" x14ac:dyDescent="0.35">
      <c r="A290" s="18"/>
      <c r="B290" s="18"/>
      <c r="C290" s="18"/>
    </row>
    <row r="291" spans="1:3" ht="14.5" x14ac:dyDescent="0.35">
      <c r="A291" s="18"/>
      <c r="B291" s="18"/>
      <c r="C291" s="18"/>
    </row>
    <row r="292" spans="1:3" ht="14.5" x14ac:dyDescent="0.35">
      <c r="A292" s="18"/>
      <c r="B292" s="18"/>
      <c r="C292" s="18"/>
    </row>
    <row r="293" spans="1:3" ht="14.5" x14ac:dyDescent="0.35">
      <c r="A293" s="18"/>
      <c r="B293" s="18"/>
      <c r="C293" s="18"/>
    </row>
    <row r="294" spans="1:3" ht="14.5" x14ac:dyDescent="0.35">
      <c r="A294" s="18"/>
      <c r="B294" s="18"/>
      <c r="C294" s="18"/>
    </row>
    <row r="295" spans="1:3" ht="14.5" x14ac:dyDescent="0.35">
      <c r="A295" s="18"/>
      <c r="B295" s="18"/>
      <c r="C295" s="18"/>
    </row>
    <row r="296" spans="1:3" ht="14.5" x14ac:dyDescent="0.35">
      <c r="A296" s="18"/>
      <c r="B296" s="18"/>
      <c r="C296" s="18"/>
    </row>
    <row r="297" spans="1:3" ht="14.5" x14ac:dyDescent="0.35">
      <c r="A297" s="18"/>
      <c r="B297" s="18"/>
      <c r="C297" s="18"/>
    </row>
    <row r="298" spans="1:3" ht="14.5" x14ac:dyDescent="0.35">
      <c r="A298" s="18"/>
      <c r="B298" s="18"/>
      <c r="C298" s="18"/>
    </row>
    <row r="299" spans="1:3" ht="14.5" x14ac:dyDescent="0.35">
      <c r="A299" s="18"/>
      <c r="B299" s="18"/>
      <c r="C299" s="18"/>
    </row>
    <row r="300" spans="1:3" ht="14.5" x14ac:dyDescent="0.35">
      <c r="A300" s="18"/>
      <c r="B300" s="18"/>
      <c r="C300" s="18"/>
    </row>
    <row r="301" spans="1:3" ht="14.5" x14ac:dyDescent="0.35">
      <c r="A301" s="18"/>
      <c r="B301" s="18"/>
      <c r="C301" s="18"/>
    </row>
    <row r="302" spans="1:3" ht="14.5" x14ac:dyDescent="0.35">
      <c r="A302" s="18"/>
      <c r="B302" s="18"/>
      <c r="C302" s="18"/>
    </row>
    <row r="303" spans="1:3" ht="14.5" x14ac:dyDescent="0.35">
      <c r="A303" s="18"/>
      <c r="B303" s="18"/>
      <c r="C303" s="18"/>
    </row>
    <row r="304" spans="1:3" ht="14.5" x14ac:dyDescent="0.35">
      <c r="A304" s="18"/>
      <c r="B304" s="18"/>
      <c r="C304" s="18"/>
    </row>
  </sheetData>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33E32D6-7719-44A4-AA76-A7B9A4740212}">
  <dimension ref="A1:I9"/>
  <sheetViews>
    <sheetView showGridLines="0" zoomScaleNormal="100" workbookViewId="0"/>
  </sheetViews>
  <sheetFormatPr defaultRowHeight="12.5" x14ac:dyDescent="0.25"/>
  <cols>
    <col min="1" max="1" width="38.36328125" customWidth="1"/>
    <col min="2" max="2" width="23.36328125" customWidth="1"/>
    <col min="3" max="3" width="26.54296875" customWidth="1"/>
    <col min="4" max="4" width="25.6328125" customWidth="1"/>
    <col min="5" max="5" width="79.54296875" customWidth="1"/>
    <col min="6" max="6" width="21.36328125" customWidth="1"/>
  </cols>
  <sheetData>
    <row r="1" spans="1:9" ht="13" x14ac:dyDescent="0.3">
      <c r="A1" s="1" t="s">
        <v>12</v>
      </c>
    </row>
    <row r="2" spans="1:9" x14ac:dyDescent="0.25">
      <c r="A2" t="s">
        <v>13</v>
      </c>
    </row>
    <row r="4" spans="1:9" x14ac:dyDescent="0.25">
      <c r="A4" s="13" t="s">
        <v>14</v>
      </c>
      <c r="B4" s="14" t="s">
        <v>15</v>
      </c>
      <c r="C4" s="14" t="s">
        <v>48</v>
      </c>
      <c r="D4" s="14" t="s">
        <v>49</v>
      </c>
      <c r="E4" s="14" t="s">
        <v>16</v>
      </c>
      <c r="F4" s="15" t="s">
        <v>17</v>
      </c>
    </row>
    <row r="5" spans="1:9" ht="13" x14ac:dyDescent="0.3">
      <c r="A5" s="5" t="s">
        <v>21</v>
      </c>
      <c r="B5" t="s">
        <v>22</v>
      </c>
      <c r="C5">
        <v>1.1000000000000001</v>
      </c>
      <c r="D5">
        <v>12.9</v>
      </c>
      <c r="E5" t="s">
        <v>75</v>
      </c>
      <c r="F5" s="33" t="s">
        <v>66</v>
      </c>
      <c r="G5" s="1"/>
      <c r="H5" s="1"/>
      <c r="I5" s="1"/>
    </row>
    <row r="6" spans="1:9" ht="13" x14ac:dyDescent="0.25">
      <c r="A6" s="5" t="s">
        <v>18</v>
      </c>
      <c r="B6" t="s">
        <v>19</v>
      </c>
      <c r="C6">
        <v>1.7</v>
      </c>
      <c r="D6" s="26">
        <v>6</v>
      </c>
      <c r="E6" s="17" t="s">
        <v>73</v>
      </c>
      <c r="F6" s="6">
        <v>121</v>
      </c>
    </row>
    <row r="7" spans="1:9" ht="13" x14ac:dyDescent="0.25">
      <c r="A7" s="5" t="s">
        <v>18</v>
      </c>
      <c r="B7" t="s">
        <v>46</v>
      </c>
      <c r="C7">
        <v>2.2000000000000002</v>
      </c>
      <c r="D7">
        <v>5.4</v>
      </c>
      <c r="E7" s="17" t="s">
        <v>74</v>
      </c>
      <c r="F7" s="33" t="s">
        <v>65</v>
      </c>
    </row>
    <row r="8" spans="1:9" ht="13" x14ac:dyDescent="0.25">
      <c r="A8" s="5" t="s">
        <v>18</v>
      </c>
      <c r="B8" t="s">
        <v>20</v>
      </c>
      <c r="C8">
        <v>1.7</v>
      </c>
      <c r="D8">
        <v>5.2</v>
      </c>
      <c r="E8" s="17" t="s">
        <v>73</v>
      </c>
      <c r="F8" s="6">
        <v>120</v>
      </c>
    </row>
    <row r="9" spans="1:9" ht="13" x14ac:dyDescent="0.3">
      <c r="A9" s="8" t="s">
        <v>23</v>
      </c>
      <c r="B9" s="8" t="s">
        <v>47</v>
      </c>
      <c r="C9" s="8">
        <v>1.3</v>
      </c>
      <c r="D9" s="8">
        <v>3.1</v>
      </c>
      <c r="E9" s="34" t="s">
        <v>72</v>
      </c>
      <c r="F9" s="9">
        <v>11</v>
      </c>
    </row>
  </sheetData>
  <pageMargins left="0.7" right="0.7" top="0.75" bottom="0.75" header="0.3" footer="0.3"/>
  <pageSetup paperSize="9" orientation="portrait" r:id="rId1"/>
  <headerFooter>
    <oddHeader>&amp;C&amp;"Calibri"&amp;12&amp;K000000  OFFICIAL&amp;1#_x000D_</oddHeader>
  </headerFooter>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4CC876B-7C9C-4A7A-827C-F21A89F9AEBD}">
  <dimension ref="A1:D14"/>
  <sheetViews>
    <sheetView showGridLines="0" workbookViewId="0">
      <selection activeCell="G10" sqref="G10"/>
    </sheetView>
  </sheetViews>
  <sheetFormatPr defaultRowHeight="12.5" x14ac:dyDescent="0.25"/>
  <cols>
    <col min="1" max="1" width="19.54296875" bestFit="1" customWidth="1"/>
    <col min="2" max="2" width="15.36328125" bestFit="1" customWidth="1"/>
  </cols>
  <sheetData>
    <row r="1" spans="1:4" ht="13" x14ac:dyDescent="0.3">
      <c r="A1" s="1" t="s">
        <v>62</v>
      </c>
    </row>
    <row r="2" spans="1:4" x14ac:dyDescent="0.25">
      <c r="A2" t="s">
        <v>63</v>
      </c>
    </row>
    <row r="4" spans="1:4" x14ac:dyDescent="0.25">
      <c r="A4" s="10" t="s">
        <v>59</v>
      </c>
      <c r="B4" s="12" t="s">
        <v>60</v>
      </c>
    </row>
    <row r="5" spans="1:4" x14ac:dyDescent="0.25">
      <c r="A5" s="5" t="s">
        <v>50</v>
      </c>
      <c r="B5" s="29">
        <v>72.510000000000005</v>
      </c>
      <c r="D5" s="31"/>
    </row>
    <row r="6" spans="1:4" x14ac:dyDescent="0.25">
      <c r="A6" s="5" t="s">
        <v>51</v>
      </c>
      <c r="B6" s="29">
        <v>99.5</v>
      </c>
      <c r="D6" s="31"/>
    </row>
    <row r="7" spans="1:4" x14ac:dyDescent="0.25">
      <c r="A7" s="5" t="s">
        <v>52</v>
      </c>
      <c r="B7" s="29">
        <v>70.349999999999994</v>
      </c>
      <c r="D7" s="31"/>
    </row>
    <row r="8" spans="1:4" x14ac:dyDescent="0.25">
      <c r="A8" s="5" t="s">
        <v>53</v>
      </c>
      <c r="B8" s="29">
        <v>241.18</v>
      </c>
      <c r="D8" s="31"/>
    </row>
    <row r="9" spans="1:4" x14ac:dyDescent="0.25">
      <c r="A9" s="5" t="s">
        <v>54</v>
      </c>
      <c r="B9" s="29">
        <v>49.02</v>
      </c>
      <c r="D9" s="31"/>
    </row>
    <row r="10" spans="1:4" x14ac:dyDescent="0.25">
      <c r="A10" s="5" t="s">
        <v>55</v>
      </c>
      <c r="B10" s="29">
        <v>163.93</v>
      </c>
      <c r="D10" s="31"/>
    </row>
    <row r="11" spans="1:4" x14ac:dyDescent="0.25">
      <c r="A11" s="7" t="s">
        <v>56</v>
      </c>
      <c r="B11" s="30">
        <v>73.8</v>
      </c>
      <c r="D11" s="31"/>
    </row>
    <row r="13" spans="1:4" x14ac:dyDescent="0.25">
      <c r="A13" t="s">
        <v>61</v>
      </c>
    </row>
    <row r="14" spans="1:4" x14ac:dyDescent="0.25">
      <c r="A14" t="s">
        <v>45</v>
      </c>
    </row>
  </sheetData>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C41C848-AE49-45E5-B1AD-5A3A63A67B6B}">
  <dimension ref="A1:N304"/>
  <sheetViews>
    <sheetView showGridLines="0" workbookViewId="0"/>
  </sheetViews>
  <sheetFormatPr defaultRowHeight="12.5" x14ac:dyDescent="0.25"/>
  <cols>
    <col min="2" max="2" width="18.08984375" customWidth="1"/>
    <col min="3" max="3" width="16.6328125" customWidth="1"/>
    <col min="4" max="4" width="27.6328125" customWidth="1"/>
    <col min="5" max="5" width="24.36328125" customWidth="1"/>
  </cols>
  <sheetData>
    <row r="1" spans="1:14" ht="13" x14ac:dyDescent="0.3">
      <c r="A1" s="1" t="s">
        <v>44</v>
      </c>
    </row>
    <row r="2" spans="1:14" x14ac:dyDescent="0.25">
      <c r="A2" t="s">
        <v>64</v>
      </c>
      <c r="N2" s="3"/>
    </row>
    <row r="4" spans="1:14" ht="25" x14ac:dyDescent="0.25">
      <c r="A4" s="40" t="s">
        <v>11</v>
      </c>
      <c r="B4" s="41" t="s">
        <v>40</v>
      </c>
      <c r="C4" s="41" t="s">
        <v>41</v>
      </c>
      <c r="D4" s="24" t="s">
        <v>43</v>
      </c>
      <c r="E4" s="25" t="s">
        <v>42</v>
      </c>
    </row>
    <row r="5" spans="1:14" x14ac:dyDescent="0.25">
      <c r="A5" s="42">
        <v>2026</v>
      </c>
      <c r="B5" s="44">
        <v>18.72</v>
      </c>
      <c r="C5" s="44">
        <v>18.03</v>
      </c>
      <c r="D5" s="31">
        <v>18.64</v>
      </c>
      <c r="E5" s="27">
        <v>18.11</v>
      </c>
      <c r="I5" s="31"/>
      <c r="J5" s="31"/>
      <c r="K5" s="31"/>
      <c r="L5" s="31"/>
    </row>
    <row r="6" spans="1:14" x14ac:dyDescent="0.25">
      <c r="A6" s="42">
        <v>2027</v>
      </c>
      <c r="B6" s="44">
        <v>18.87</v>
      </c>
      <c r="C6" s="44">
        <v>17.53</v>
      </c>
      <c r="D6" s="31">
        <v>18.739999999999998</v>
      </c>
      <c r="E6" s="27">
        <v>17.66</v>
      </c>
      <c r="I6" s="31"/>
      <c r="J6" s="31"/>
      <c r="K6" s="31"/>
      <c r="L6" s="31"/>
    </row>
    <row r="7" spans="1:14" x14ac:dyDescent="0.25">
      <c r="A7" s="42">
        <v>2028</v>
      </c>
      <c r="B7" s="44">
        <v>19.02</v>
      </c>
      <c r="C7" s="44">
        <v>17.02</v>
      </c>
      <c r="D7" s="31">
        <v>18.84</v>
      </c>
      <c r="E7" s="27">
        <v>17.2</v>
      </c>
      <c r="I7" s="31"/>
      <c r="J7" s="31"/>
      <c r="K7" s="31"/>
      <c r="L7" s="31"/>
    </row>
    <row r="8" spans="1:14" x14ac:dyDescent="0.25">
      <c r="A8" s="42">
        <v>2029</v>
      </c>
      <c r="B8" s="44">
        <v>19.16</v>
      </c>
      <c r="C8" s="44">
        <v>16.52</v>
      </c>
      <c r="D8" s="31">
        <v>18.93</v>
      </c>
      <c r="E8" s="27">
        <v>16.75</v>
      </c>
      <c r="I8" s="31"/>
      <c r="J8" s="31"/>
      <c r="K8" s="31"/>
      <c r="L8" s="31"/>
    </row>
    <row r="9" spans="1:14" x14ac:dyDescent="0.25">
      <c r="A9" s="42">
        <v>2030</v>
      </c>
      <c r="B9" s="44">
        <v>19.29</v>
      </c>
      <c r="C9" s="44">
        <v>16.02</v>
      </c>
      <c r="D9" s="31">
        <v>19.010000000000002</v>
      </c>
      <c r="E9" s="27">
        <v>16.3</v>
      </c>
      <c r="I9" s="31"/>
      <c r="J9" s="31"/>
      <c r="K9" s="31"/>
      <c r="L9" s="31"/>
    </row>
    <row r="10" spans="1:14" x14ac:dyDescent="0.25">
      <c r="A10" s="42">
        <v>2031</v>
      </c>
      <c r="B10" s="44">
        <v>19.43</v>
      </c>
      <c r="C10" s="44">
        <v>15.53</v>
      </c>
      <c r="D10" s="31">
        <v>19.100000000000001</v>
      </c>
      <c r="E10" s="27">
        <v>15.85</v>
      </c>
      <c r="I10" s="31"/>
      <c r="J10" s="31"/>
      <c r="K10" s="31"/>
      <c r="L10" s="31"/>
    </row>
    <row r="11" spans="1:14" x14ac:dyDescent="0.25">
      <c r="A11" s="42">
        <v>2032</v>
      </c>
      <c r="B11" s="44">
        <v>19.559999999999999</v>
      </c>
      <c r="C11" s="44">
        <v>15.04</v>
      </c>
      <c r="D11" s="31">
        <v>19.190000000000001</v>
      </c>
      <c r="E11" s="27">
        <v>15.41</v>
      </c>
      <c r="I11" s="31"/>
      <c r="J11" s="31"/>
      <c r="K11" s="31"/>
      <c r="L11" s="31"/>
    </row>
    <row r="12" spans="1:14" x14ac:dyDescent="0.25">
      <c r="A12" s="42">
        <v>2033</v>
      </c>
      <c r="B12" s="44">
        <v>19.690000000000001</v>
      </c>
      <c r="C12" s="44">
        <v>14.55</v>
      </c>
      <c r="D12" s="31">
        <v>19.27</v>
      </c>
      <c r="E12" s="27">
        <v>14.97</v>
      </c>
      <c r="I12" s="31"/>
      <c r="J12" s="31"/>
      <c r="K12" s="31"/>
      <c r="L12" s="31"/>
    </row>
    <row r="13" spans="1:14" x14ac:dyDescent="0.25">
      <c r="A13" s="42">
        <v>2034</v>
      </c>
      <c r="B13" s="44">
        <v>19.809999999999999</v>
      </c>
      <c r="C13" s="44">
        <v>14.07</v>
      </c>
      <c r="D13" s="31">
        <v>19.350000000000001</v>
      </c>
      <c r="E13" s="27">
        <v>14.53</v>
      </c>
      <c r="I13" s="31"/>
      <c r="J13" s="31"/>
      <c r="K13" s="31"/>
      <c r="L13" s="31"/>
    </row>
    <row r="14" spans="1:14" x14ac:dyDescent="0.25">
      <c r="A14" s="42">
        <v>2035</v>
      </c>
      <c r="B14" s="44">
        <v>19.93</v>
      </c>
      <c r="C14" s="44">
        <v>13.59</v>
      </c>
      <c r="D14" s="31">
        <v>19.420000000000002</v>
      </c>
      <c r="E14" s="27">
        <v>14.1</v>
      </c>
      <c r="I14" s="31"/>
      <c r="J14" s="31"/>
      <c r="K14" s="31"/>
      <c r="L14" s="31"/>
    </row>
    <row r="15" spans="1:14" x14ac:dyDescent="0.25">
      <c r="A15" s="42">
        <v>2036</v>
      </c>
      <c r="B15" s="44">
        <v>20.059999999999999</v>
      </c>
      <c r="C15" s="44">
        <v>13.13</v>
      </c>
      <c r="D15" s="31">
        <v>19.5</v>
      </c>
      <c r="E15" s="27">
        <v>13.68</v>
      </c>
      <c r="I15" s="31"/>
      <c r="J15" s="31"/>
      <c r="K15" s="31"/>
      <c r="L15" s="31"/>
    </row>
    <row r="16" spans="1:14" x14ac:dyDescent="0.25">
      <c r="A16" s="42">
        <v>2037</v>
      </c>
      <c r="B16" s="44">
        <v>20.18</v>
      </c>
      <c r="C16" s="44">
        <v>12.67</v>
      </c>
      <c r="D16" s="31">
        <v>19.579999999999998</v>
      </c>
      <c r="E16" s="27">
        <v>13.27</v>
      </c>
      <c r="I16" s="31"/>
      <c r="J16" s="31"/>
      <c r="K16" s="31"/>
      <c r="L16" s="31"/>
    </row>
    <row r="17" spans="1:12" x14ac:dyDescent="0.25">
      <c r="A17" s="42">
        <v>2038</v>
      </c>
      <c r="B17" s="44">
        <v>20.3</v>
      </c>
      <c r="C17" s="44">
        <v>12.22</v>
      </c>
      <c r="D17" s="31">
        <v>19.649999999999999</v>
      </c>
      <c r="E17" s="27">
        <v>12.86</v>
      </c>
      <c r="I17" s="31"/>
      <c r="J17" s="31"/>
      <c r="K17" s="31"/>
      <c r="L17" s="31"/>
    </row>
    <row r="18" spans="1:12" x14ac:dyDescent="0.25">
      <c r="A18" s="42">
        <v>2039</v>
      </c>
      <c r="B18" s="44">
        <v>20.41</v>
      </c>
      <c r="C18" s="44">
        <v>11.77</v>
      </c>
      <c r="D18" s="31">
        <v>19.72</v>
      </c>
      <c r="E18" s="27">
        <v>12.47</v>
      </c>
      <c r="I18" s="31"/>
      <c r="J18" s="31"/>
      <c r="K18" s="31"/>
      <c r="L18" s="31"/>
    </row>
    <row r="19" spans="1:12" x14ac:dyDescent="0.25">
      <c r="A19" s="42">
        <v>2040</v>
      </c>
      <c r="B19" s="44">
        <v>20.53</v>
      </c>
      <c r="C19" s="44">
        <v>11.34</v>
      </c>
      <c r="D19" s="31">
        <v>19.78</v>
      </c>
      <c r="E19" s="27">
        <v>12.08</v>
      </c>
      <c r="I19" s="31"/>
      <c r="J19" s="31"/>
      <c r="K19" s="31"/>
      <c r="L19" s="31"/>
    </row>
    <row r="20" spans="1:12" x14ac:dyDescent="0.25">
      <c r="A20" s="42">
        <v>2041</v>
      </c>
      <c r="B20" s="44">
        <v>20.64</v>
      </c>
      <c r="C20" s="44">
        <v>11.47</v>
      </c>
      <c r="D20" s="31">
        <v>19.850000000000001</v>
      </c>
      <c r="E20" s="27">
        <v>12.26</v>
      </c>
      <c r="I20" s="31"/>
      <c r="J20" s="31"/>
      <c r="K20" s="31"/>
      <c r="L20" s="31"/>
    </row>
    <row r="21" spans="1:12" x14ac:dyDescent="0.25">
      <c r="A21" s="42">
        <v>2042</v>
      </c>
      <c r="B21" s="44">
        <v>20.75</v>
      </c>
      <c r="C21" s="44">
        <v>11.6</v>
      </c>
      <c r="D21" s="31">
        <v>19.920000000000002</v>
      </c>
      <c r="E21" s="27">
        <v>12.44</v>
      </c>
      <c r="I21" s="31"/>
      <c r="J21" s="31"/>
      <c r="K21" s="31"/>
      <c r="L21" s="31"/>
    </row>
    <row r="22" spans="1:12" x14ac:dyDescent="0.25">
      <c r="A22" s="42">
        <v>2043</v>
      </c>
      <c r="B22" s="44">
        <v>20.86</v>
      </c>
      <c r="C22" s="44">
        <v>11.74</v>
      </c>
      <c r="D22" s="31">
        <v>19.98</v>
      </c>
      <c r="E22" s="27">
        <v>12.62</v>
      </c>
      <c r="I22" s="31"/>
      <c r="J22" s="31"/>
      <c r="K22" s="31"/>
      <c r="L22" s="31"/>
    </row>
    <row r="23" spans="1:12" x14ac:dyDescent="0.25">
      <c r="A23" s="42">
        <v>2044</v>
      </c>
      <c r="B23" s="44">
        <v>20.97</v>
      </c>
      <c r="C23" s="44">
        <v>11.87</v>
      </c>
      <c r="D23" s="31">
        <v>20.04</v>
      </c>
      <c r="E23" s="27">
        <v>12.8</v>
      </c>
      <c r="I23" s="31"/>
      <c r="J23" s="31"/>
      <c r="K23" s="31"/>
      <c r="L23" s="31"/>
    </row>
    <row r="24" spans="1:12" x14ac:dyDescent="0.25">
      <c r="A24" s="42">
        <v>2045</v>
      </c>
      <c r="B24" s="44">
        <v>21.07</v>
      </c>
      <c r="C24" s="44">
        <v>12</v>
      </c>
      <c r="D24" s="31">
        <v>20.09</v>
      </c>
      <c r="E24" s="27">
        <v>12.98</v>
      </c>
      <c r="I24" s="31"/>
      <c r="J24" s="31"/>
      <c r="K24" s="31"/>
      <c r="L24" s="31"/>
    </row>
    <row r="25" spans="1:12" x14ac:dyDescent="0.25">
      <c r="A25" s="42">
        <v>2046</v>
      </c>
      <c r="B25" s="44">
        <v>21.19</v>
      </c>
      <c r="C25" s="44">
        <v>12.14</v>
      </c>
      <c r="D25" s="31">
        <v>20.16</v>
      </c>
      <c r="E25" s="27">
        <v>13.17</v>
      </c>
      <c r="I25" s="31"/>
      <c r="J25" s="31"/>
      <c r="K25" s="31"/>
      <c r="L25" s="31"/>
    </row>
    <row r="26" spans="1:12" x14ac:dyDescent="0.25">
      <c r="A26" s="42">
        <v>2047</v>
      </c>
      <c r="B26" s="44">
        <v>21.3</v>
      </c>
      <c r="C26" s="44">
        <v>12.28</v>
      </c>
      <c r="D26" s="31">
        <v>20.22</v>
      </c>
      <c r="E26" s="27">
        <v>13.36</v>
      </c>
      <c r="I26" s="31"/>
      <c r="J26" s="31"/>
      <c r="K26" s="31"/>
      <c r="L26" s="31"/>
    </row>
    <row r="27" spans="1:12" x14ac:dyDescent="0.25">
      <c r="A27" s="42">
        <v>2048</v>
      </c>
      <c r="B27" s="44">
        <v>21.41</v>
      </c>
      <c r="C27" s="44">
        <v>12.42</v>
      </c>
      <c r="D27" s="31">
        <v>20.28</v>
      </c>
      <c r="E27" s="27">
        <v>13.55</v>
      </c>
      <c r="I27" s="31"/>
      <c r="J27" s="31"/>
      <c r="K27" s="31"/>
      <c r="L27" s="31"/>
    </row>
    <row r="28" spans="1:12" x14ac:dyDescent="0.25">
      <c r="A28" s="42">
        <v>2049</v>
      </c>
      <c r="B28" s="44">
        <v>21.52</v>
      </c>
      <c r="C28" s="44">
        <v>12.55</v>
      </c>
      <c r="D28" s="31">
        <v>20.34</v>
      </c>
      <c r="E28" s="27">
        <v>13.73</v>
      </c>
      <c r="I28" s="31"/>
      <c r="J28" s="31"/>
      <c r="K28" s="31"/>
      <c r="L28" s="31"/>
    </row>
    <row r="29" spans="1:12" x14ac:dyDescent="0.25">
      <c r="A29" s="42">
        <v>2050</v>
      </c>
      <c r="B29" s="44">
        <v>21.63</v>
      </c>
      <c r="C29" s="44">
        <v>12.69</v>
      </c>
      <c r="D29" s="31">
        <v>20.39</v>
      </c>
      <c r="E29" s="27">
        <v>13.92</v>
      </c>
      <c r="I29" s="31"/>
      <c r="J29" s="31"/>
      <c r="K29" s="31"/>
      <c r="L29" s="31"/>
    </row>
    <row r="30" spans="1:12" x14ac:dyDescent="0.25">
      <c r="A30" s="42">
        <v>2051</v>
      </c>
      <c r="B30" s="44">
        <v>21.73</v>
      </c>
      <c r="C30" s="44">
        <v>12.83</v>
      </c>
      <c r="D30" s="31">
        <v>20.45</v>
      </c>
      <c r="E30" s="27">
        <v>14.12</v>
      </c>
      <c r="I30" s="31"/>
      <c r="J30" s="31"/>
      <c r="K30" s="31"/>
      <c r="L30" s="31"/>
    </row>
    <row r="31" spans="1:12" x14ac:dyDescent="0.25">
      <c r="A31" s="42">
        <v>2052</v>
      </c>
      <c r="B31" s="44">
        <v>21.84</v>
      </c>
      <c r="C31" s="44">
        <v>12.97</v>
      </c>
      <c r="D31" s="31">
        <v>20.5</v>
      </c>
      <c r="E31" s="27">
        <v>14.31</v>
      </c>
      <c r="I31" s="31"/>
      <c r="J31" s="31"/>
      <c r="K31" s="31"/>
      <c r="L31" s="31"/>
    </row>
    <row r="32" spans="1:12" x14ac:dyDescent="0.25">
      <c r="A32" s="42">
        <v>2053</v>
      </c>
      <c r="B32" s="44">
        <v>21.94</v>
      </c>
      <c r="C32" s="44">
        <v>13.11</v>
      </c>
      <c r="D32" s="31">
        <v>20.55</v>
      </c>
      <c r="E32" s="27">
        <v>14.5</v>
      </c>
      <c r="I32" s="31"/>
      <c r="J32" s="31"/>
      <c r="K32" s="31"/>
      <c r="L32" s="31"/>
    </row>
    <row r="33" spans="1:12" x14ac:dyDescent="0.25">
      <c r="A33" s="42">
        <v>2054</v>
      </c>
      <c r="B33" s="44">
        <v>22.04</v>
      </c>
      <c r="C33" s="44">
        <v>13.25</v>
      </c>
      <c r="D33" s="31">
        <v>20.6</v>
      </c>
      <c r="E33" s="27">
        <v>14.69</v>
      </c>
      <c r="I33" s="31"/>
      <c r="J33" s="31"/>
      <c r="K33" s="31"/>
      <c r="L33" s="31"/>
    </row>
    <row r="34" spans="1:12" x14ac:dyDescent="0.25">
      <c r="A34" s="42">
        <v>2055</v>
      </c>
      <c r="B34" s="44">
        <v>22.14</v>
      </c>
      <c r="C34" s="44">
        <v>13.39</v>
      </c>
      <c r="D34" s="31">
        <v>20.64</v>
      </c>
      <c r="E34" s="27">
        <v>14.89</v>
      </c>
      <c r="I34" s="31"/>
      <c r="J34" s="31"/>
      <c r="K34" s="31"/>
      <c r="L34" s="31"/>
    </row>
    <row r="35" spans="1:12" x14ac:dyDescent="0.25">
      <c r="A35" s="42">
        <v>2056</v>
      </c>
      <c r="B35" s="44">
        <v>22.24</v>
      </c>
      <c r="C35" s="44">
        <v>13.53</v>
      </c>
      <c r="D35" s="31">
        <v>20.69</v>
      </c>
      <c r="E35" s="27">
        <v>15.08</v>
      </c>
      <c r="I35" s="31"/>
      <c r="J35" s="31"/>
      <c r="K35" s="31"/>
      <c r="L35" s="31"/>
    </row>
    <row r="36" spans="1:12" x14ac:dyDescent="0.25">
      <c r="A36" s="42">
        <v>2057</v>
      </c>
      <c r="B36" s="44">
        <v>22.34</v>
      </c>
      <c r="C36" s="44">
        <v>13.67</v>
      </c>
      <c r="D36" s="31">
        <v>20.73</v>
      </c>
      <c r="E36" s="27">
        <v>15.28</v>
      </c>
      <c r="I36" s="31"/>
      <c r="J36" s="31"/>
      <c r="K36" s="31"/>
      <c r="L36" s="31"/>
    </row>
    <row r="37" spans="1:12" x14ac:dyDescent="0.25">
      <c r="A37" s="42">
        <v>2058</v>
      </c>
      <c r="B37" s="44">
        <v>22.43</v>
      </c>
      <c r="C37" s="44">
        <v>13.81</v>
      </c>
      <c r="D37" s="31">
        <v>20.77</v>
      </c>
      <c r="E37" s="27">
        <v>15.48</v>
      </c>
      <c r="I37" s="31"/>
      <c r="J37" s="31"/>
      <c r="K37" s="31"/>
      <c r="L37" s="31"/>
    </row>
    <row r="38" spans="1:12" x14ac:dyDescent="0.25">
      <c r="A38" s="42">
        <v>2059</v>
      </c>
      <c r="B38" s="44">
        <v>22.53</v>
      </c>
      <c r="C38" s="44">
        <v>13.95</v>
      </c>
      <c r="D38" s="31">
        <v>20.8</v>
      </c>
      <c r="E38" s="27">
        <v>15.68</v>
      </c>
      <c r="I38" s="31"/>
      <c r="J38" s="31"/>
      <c r="K38" s="31"/>
      <c r="L38" s="31"/>
    </row>
    <row r="39" spans="1:12" x14ac:dyDescent="0.25">
      <c r="A39" s="42">
        <v>2060</v>
      </c>
      <c r="B39" s="44">
        <v>22.62</v>
      </c>
      <c r="C39" s="44">
        <v>14.09</v>
      </c>
      <c r="D39" s="31">
        <v>20.84</v>
      </c>
      <c r="E39" s="27">
        <v>15.87</v>
      </c>
      <c r="I39" s="31"/>
      <c r="J39" s="31"/>
      <c r="K39" s="31"/>
      <c r="L39" s="31"/>
    </row>
    <row r="40" spans="1:12" x14ac:dyDescent="0.25">
      <c r="A40" s="42">
        <v>2061</v>
      </c>
      <c r="B40" s="44">
        <v>22.76</v>
      </c>
      <c r="C40" s="44">
        <v>14.26</v>
      </c>
      <c r="D40" s="31">
        <v>20.9</v>
      </c>
      <c r="E40" s="27">
        <v>16.12</v>
      </c>
      <c r="I40" s="31"/>
      <c r="J40" s="31"/>
      <c r="K40" s="31"/>
      <c r="L40" s="31"/>
    </row>
    <row r="41" spans="1:12" x14ac:dyDescent="0.25">
      <c r="A41" s="42">
        <v>2062</v>
      </c>
      <c r="B41" s="44">
        <v>22.89</v>
      </c>
      <c r="C41" s="44">
        <v>14.43</v>
      </c>
      <c r="D41" s="31">
        <v>20.97</v>
      </c>
      <c r="E41" s="27">
        <v>16.36</v>
      </c>
      <c r="I41" s="31"/>
      <c r="J41" s="31"/>
      <c r="K41" s="31"/>
      <c r="L41" s="31"/>
    </row>
    <row r="42" spans="1:12" x14ac:dyDescent="0.25">
      <c r="A42" s="42">
        <v>2063</v>
      </c>
      <c r="B42" s="44">
        <v>23.03</v>
      </c>
      <c r="C42" s="44">
        <v>14.6</v>
      </c>
      <c r="D42" s="31">
        <v>21.03</v>
      </c>
      <c r="E42" s="27">
        <v>16.600000000000001</v>
      </c>
      <c r="I42" s="31"/>
      <c r="J42" s="31"/>
      <c r="K42" s="31"/>
      <c r="L42" s="31"/>
    </row>
    <row r="43" spans="1:12" x14ac:dyDescent="0.25">
      <c r="A43" s="42">
        <v>2064</v>
      </c>
      <c r="B43" s="44">
        <v>23.16</v>
      </c>
      <c r="C43" s="44">
        <v>14.78</v>
      </c>
      <c r="D43" s="31">
        <v>21.09</v>
      </c>
      <c r="E43" s="27">
        <v>16.84</v>
      </c>
      <c r="I43" s="31"/>
      <c r="J43" s="31"/>
      <c r="K43" s="31"/>
      <c r="L43" s="31"/>
    </row>
    <row r="44" spans="1:12" x14ac:dyDescent="0.25">
      <c r="A44" s="42">
        <v>2065</v>
      </c>
      <c r="B44" s="44">
        <v>23.29</v>
      </c>
      <c r="C44" s="44">
        <v>14.95</v>
      </c>
      <c r="D44" s="31">
        <v>21.15</v>
      </c>
      <c r="E44" s="27">
        <v>17.09</v>
      </c>
      <c r="I44" s="31"/>
      <c r="J44" s="31"/>
      <c r="K44" s="31"/>
      <c r="L44" s="31"/>
    </row>
    <row r="45" spans="1:12" x14ac:dyDescent="0.25">
      <c r="A45" s="42">
        <v>2066</v>
      </c>
      <c r="B45" s="44">
        <v>23.39</v>
      </c>
      <c r="C45" s="44">
        <v>15.1</v>
      </c>
      <c r="D45" s="31">
        <v>21.18</v>
      </c>
      <c r="E45" s="27">
        <v>17.309999999999999</v>
      </c>
      <c r="I45" s="31"/>
      <c r="J45" s="31"/>
      <c r="K45" s="31"/>
      <c r="L45" s="31"/>
    </row>
    <row r="46" spans="1:12" x14ac:dyDescent="0.25">
      <c r="A46" s="42">
        <v>2067</v>
      </c>
      <c r="B46" s="44">
        <v>23.49</v>
      </c>
      <c r="C46" s="44">
        <v>15.25</v>
      </c>
      <c r="D46" s="31">
        <v>21.21</v>
      </c>
      <c r="E46" s="27">
        <v>17.54</v>
      </c>
      <c r="I46" s="31"/>
      <c r="J46" s="31"/>
      <c r="K46" s="31"/>
      <c r="L46" s="31"/>
    </row>
    <row r="47" spans="1:12" x14ac:dyDescent="0.25">
      <c r="A47" s="42">
        <v>2068</v>
      </c>
      <c r="B47" s="44">
        <v>23.59</v>
      </c>
      <c r="C47" s="44">
        <v>15.41</v>
      </c>
      <c r="D47" s="31">
        <v>21.23</v>
      </c>
      <c r="E47" s="27">
        <v>17.760000000000002</v>
      </c>
      <c r="I47" s="31"/>
      <c r="J47" s="31"/>
      <c r="K47" s="31"/>
      <c r="L47" s="31"/>
    </row>
    <row r="48" spans="1:12" x14ac:dyDescent="0.25">
      <c r="A48" s="42">
        <v>2069</v>
      </c>
      <c r="B48" s="44">
        <v>23.69</v>
      </c>
      <c r="C48" s="44">
        <v>15.56</v>
      </c>
      <c r="D48" s="31">
        <v>21.26</v>
      </c>
      <c r="E48" s="27">
        <v>17.989999999999998</v>
      </c>
      <c r="I48" s="31"/>
      <c r="J48" s="31"/>
      <c r="K48" s="31"/>
      <c r="L48" s="31"/>
    </row>
    <row r="49" spans="1:12" x14ac:dyDescent="0.25">
      <c r="A49" s="42">
        <v>2070</v>
      </c>
      <c r="B49" s="44">
        <v>23.78</v>
      </c>
      <c r="C49" s="44">
        <v>15.72</v>
      </c>
      <c r="D49" s="31">
        <v>21.28</v>
      </c>
      <c r="E49" s="27">
        <v>18.22</v>
      </c>
      <c r="I49" s="31"/>
      <c r="J49" s="31"/>
      <c r="K49" s="31"/>
      <c r="L49" s="31"/>
    </row>
    <row r="50" spans="1:12" x14ac:dyDescent="0.25">
      <c r="A50" s="42">
        <v>2071</v>
      </c>
      <c r="B50" s="44">
        <v>23.96</v>
      </c>
      <c r="C50" s="44">
        <v>15.93</v>
      </c>
      <c r="D50" s="31">
        <v>21.36</v>
      </c>
      <c r="E50" s="27">
        <v>18.52</v>
      </c>
      <c r="I50" s="31"/>
      <c r="J50" s="31"/>
      <c r="K50" s="31"/>
      <c r="L50" s="31"/>
    </row>
    <row r="51" spans="1:12" x14ac:dyDescent="0.25">
      <c r="A51" s="42">
        <v>2072</v>
      </c>
      <c r="B51" s="44">
        <v>24.14</v>
      </c>
      <c r="C51" s="44">
        <v>16.14</v>
      </c>
      <c r="D51" s="31">
        <v>21.44</v>
      </c>
      <c r="E51" s="27">
        <v>18.829999999999998</v>
      </c>
      <c r="I51" s="31"/>
      <c r="J51" s="31"/>
      <c r="K51" s="31"/>
      <c r="L51" s="31"/>
    </row>
    <row r="52" spans="1:12" x14ac:dyDescent="0.25">
      <c r="A52" s="42">
        <v>2073</v>
      </c>
      <c r="B52" s="44">
        <v>24.32</v>
      </c>
      <c r="C52" s="44">
        <v>16.350000000000001</v>
      </c>
      <c r="D52" s="31">
        <v>21.52</v>
      </c>
      <c r="E52" s="27">
        <v>19.14</v>
      </c>
      <c r="I52" s="31"/>
      <c r="J52" s="31"/>
      <c r="K52" s="31"/>
      <c r="L52" s="31"/>
    </row>
    <row r="53" spans="1:12" x14ac:dyDescent="0.25">
      <c r="A53" s="42">
        <v>2074</v>
      </c>
      <c r="B53" s="44">
        <v>24.5</v>
      </c>
      <c r="C53" s="44">
        <v>16.559999999999999</v>
      </c>
      <c r="D53" s="31">
        <v>21.6</v>
      </c>
      <c r="E53" s="27">
        <v>19.46</v>
      </c>
      <c r="I53" s="31"/>
      <c r="J53" s="31"/>
      <c r="K53" s="31"/>
      <c r="L53" s="31"/>
    </row>
    <row r="54" spans="1:12" x14ac:dyDescent="0.25">
      <c r="A54" s="42">
        <v>2075</v>
      </c>
      <c r="B54" s="44">
        <v>24.68</v>
      </c>
      <c r="C54" s="44">
        <v>16.77</v>
      </c>
      <c r="D54" s="31">
        <v>21.68</v>
      </c>
      <c r="E54" s="27">
        <v>19.77</v>
      </c>
      <c r="I54" s="31"/>
      <c r="J54" s="31"/>
      <c r="K54" s="31"/>
      <c r="L54" s="31"/>
    </row>
    <row r="55" spans="1:12" x14ac:dyDescent="0.25">
      <c r="A55" s="42">
        <v>2076</v>
      </c>
      <c r="B55" s="44">
        <v>24.82</v>
      </c>
      <c r="C55" s="44">
        <v>16.95</v>
      </c>
      <c r="D55" s="31">
        <v>21.72</v>
      </c>
      <c r="E55" s="27">
        <v>20.05</v>
      </c>
      <c r="I55" s="31"/>
      <c r="J55" s="31"/>
      <c r="K55" s="31"/>
      <c r="L55" s="31"/>
    </row>
    <row r="56" spans="1:12" x14ac:dyDescent="0.25">
      <c r="A56" s="42">
        <v>2077</v>
      </c>
      <c r="B56" s="44">
        <v>24.96</v>
      </c>
      <c r="C56" s="44">
        <v>17.14</v>
      </c>
      <c r="D56" s="31">
        <v>21.77</v>
      </c>
      <c r="E56" s="27">
        <v>20.329999999999998</v>
      </c>
      <c r="I56" s="31"/>
      <c r="J56" s="31"/>
      <c r="K56" s="31"/>
      <c r="L56" s="31"/>
    </row>
    <row r="57" spans="1:12" x14ac:dyDescent="0.25">
      <c r="A57" s="42">
        <v>2078</v>
      </c>
      <c r="B57" s="44">
        <v>25.1</v>
      </c>
      <c r="C57" s="44">
        <v>17.32</v>
      </c>
      <c r="D57" s="31">
        <v>21.81</v>
      </c>
      <c r="E57" s="27">
        <v>20.61</v>
      </c>
      <c r="I57" s="31"/>
      <c r="J57" s="31"/>
      <c r="K57" s="31"/>
      <c r="L57" s="31"/>
    </row>
    <row r="58" spans="1:12" x14ac:dyDescent="0.25">
      <c r="A58" s="42">
        <v>2079</v>
      </c>
      <c r="B58" s="44">
        <v>25.25</v>
      </c>
      <c r="C58" s="44">
        <v>17.510000000000002</v>
      </c>
      <c r="D58" s="31">
        <v>21.86</v>
      </c>
      <c r="E58" s="27">
        <v>20.89</v>
      </c>
      <c r="I58" s="31"/>
      <c r="J58" s="31"/>
      <c r="K58" s="31"/>
      <c r="L58" s="31"/>
    </row>
    <row r="59" spans="1:12" x14ac:dyDescent="0.25">
      <c r="A59" s="42">
        <v>2080</v>
      </c>
      <c r="B59" s="44">
        <v>25.39</v>
      </c>
      <c r="C59" s="44">
        <v>17.690000000000001</v>
      </c>
      <c r="D59" s="31">
        <v>21.9</v>
      </c>
      <c r="E59" s="27">
        <v>21.18</v>
      </c>
      <c r="I59" s="31"/>
      <c r="J59" s="31"/>
      <c r="K59" s="31"/>
      <c r="L59" s="31"/>
    </row>
    <row r="60" spans="1:12" x14ac:dyDescent="0.25">
      <c r="A60" s="42">
        <v>2081</v>
      </c>
      <c r="B60" s="44">
        <v>25.62</v>
      </c>
      <c r="C60" s="44">
        <v>17.93</v>
      </c>
      <c r="D60" s="31">
        <v>22</v>
      </c>
      <c r="E60" s="27">
        <v>21.55</v>
      </c>
      <c r="I60" s="31"/>
      <c r="J60" s="31"/>
      <c r="K60" s="31"/>
      <c r="L60" s="31"/>
    </row>
    <row r="61" spans="1:12" x14ac:dyDescent="0.25">
      <c r="A61" s="42">
        <v>2082</v>
      </c>
      <c r="B61" s="44">
        <v>25.85</v>
      </c>
      <c r="C61" s="44">
        <v>18.170000000000002</v>
      </c>
      <c r="D61" s="31">
        <v>22.11</v>
      </c>
      <c r="E61" s="27">
        <v>21.92</v>
      </c>
      <c r="I61" s="31"/>
      <c r="J61" s="31"/>
      <c r="K61" s="31"/>
      <c r="L61" s="31"/>
    </row>
    <row r="62" spans="1:12" x14ac:dyDescent="0.25">
      <c r="A62" s="42">
        <v>2083</v>
      </c>
      <c r="B62" s="44">
        <v>26.09</v>
      </c>
      <c r="C62" s="44">
        <v>18.420000000000002</v>
      </c>
      <c r="D62" s="31">
        <v>22.21</v>
      </c>
      <c r="E62" s="27">
        <v>22.29</v>
      </c>
      <c r="I62" s="31"/>
      <c r="J62" s="31"/>
      <c r="K62" s="31"/>
      <c r="L62" s="31"/>
    </row>
    <row r="63" spans="1:12" x14ac:dyDescent="0.25">
      <c r="A63" s="42">
        <v>2084</v>
      </c>
      <c r="B63" s="44">
        <v>26.33</v>
      </c>
      <c r="C63" s="44">
        <v>18.66</v>
      </c>
      <c r="D63" s="31">
        <v>22.32</v>
      </c>
      <c r="E63" s="27">
        <v>22.67</v>
      </c>
      <c r="I63" s="31"/>
      <c r="J63" s="31"/>
      <c r="K63" s="31"/>
      <c r="L63" s="31"/>
    </row>
    <row r="64" spans="1:12" x14ac:dyDescent="0.25">
      <c r="A64" s="42">
        <v>2085</v>
      </c>
      <c r="B64" s="44">
        <v>26.57</v>
      </c>
      <c r="C64" s="44">
        <v>18.899999999999999</v>
      </c>
      <c r="D64" s="31">
        <v>22.42</v>
      </c>
      <c r="E64" s="27">
        <v>23.05</v>
      </c>
      <c r="I64" s="31"/>
      <c r="J64" s="31"/>
      <c r="K64" s="31"/>
      <c r="L64" s="31"/>
    </row>
    <row r="65" spans="1:12" x14ac:dyDescent="0.25">
      <c r="A65" s="42">
        <v>2086</v>
      </c>
      <c r="B65" s="44">
        <v>26.87</v>
      </c>
      <c r="C65" s="44">
        <v>19.190000000000001</v>
      </c>
      <c r="D65" s="31">
        <v>22.57</v>
      </c>
      <c r="E65" s="27">
        <v>23.49</v>
      </c>
      <c r="I65" s="31"/>
      <c r="J65" s="31"/>
      <c r="K65" s="31"/>
      <c r="L65" s="31"/>
    </row>
    <row r="66" spans="1:12" x14ac:dyDescent="0.25">
      <c r="A66" s="42">
        <v>2087</v>
      </c>
      <c r="B66" s="44">
        <v>27.18</v>
      </c>
      <c r="C66" s="44">
        <v>19.47</v>
      </c>
      <c r="D66" s="31">
        <v>22.72</v>
      </c>
      <c r="E66" s="27">
        <v>23.93</v>
      </c>
      <c r="I66" s="31"/>
      <c r="J66" s="31"/>
      <c r="K66" s="31"/>
      <c r="L66" s="31"/>
    </row>
    <row r="67" spans="1:12" x14ac:dyDescent="0.25">
      <c r="A67" s="42">
        <v>2088</v>
      </c>
      <c r="B67" s="44">
        <v>27.49</v>
      </c>
      <c r="C67" s="44">
        <v>19.75</v>
      </c>
      <c r="D67" s="31">
        <v>22.87</v>
      </c>
      <c r="E67" s="27">
        <v>24.38</v>
      </c>
      <c r="I67" s="31"/>
      <c r="J67" s="31"/>
      <c r="K67" s="31"/>
      <c r="L67" s="31"/>
    </row>
    <row r="68" spans="1:12" x14ac:dyDescent="0.25">
      <c r="A68" s="42">
        <v>2089</v>
      </c>
      <c r="B68" s="44">
        <v>27.81</v>
      </c>
      <c r="C68" s="44">
        <v>20.04</v>
      </c>
      <c r="D68" s="31">
        <v>23.02</v>
      </c>
      <c r="E68" s="27">
        <v>24.83</v>
      </c>
      <c r="I68" s="31"/>
      <c r="J68" s="31"/>
      <c r="K68" s="31"/>
      <c r="L68" s="31"/>
    </row>
    <row r="69" spans="1:12" x14ac:dyDescent="0.25">
      <c r="A69" s="42">
        <v>2090</v>
      </c>
      <c r="B69" s="44">
        <v>28.13</v>
      </c>
      <c r="C69" s="44">
        <v>20.32</v>
      </c>
      <c r="D69" s="31">
        <v>23.18</v>
      </c>
      <c r="E69" s="27">
        <v>25.28</v>
      </c>
      <c r="I69" s="31"/>
      <c r="J69" s="31"/>
      <c r="K69" s="31"/>
      <c r="L69" s="31"/>
    </row>
    <row r="70" spans="1:12" x14ac:dyDescent="0.25">
      <c r="A70" s="42">
        <v>2091</v>
      </c>
      <c r="B70" s="44">
        <v>28.39</v>
      </c>
      <c r="C70" s="44">
        <v>20.56</v>
      </c>
      <c r="D70" s="31">
        <v>23.29</v>
      </c>
      <c r="E70" s="27">
        <v>25.66</v>
      </c>
      <c r="I70" s="31"/>
      <c r="J70" s="31"/>
      <c r="K70" s="31"/>
      <c r="L70" s="31"/>
    </row>
    <row r="71" spans="1:12" x14ac:dyDescent="0.25">
      <c r="A71" s="42">
        <v>2092</v>
      </c>
      <c r="B71" s="44">
        <v>28.66</v>
      </c>
      <c r="C71" s="44">
        <v>20.8</v>
      </c>
      <c r="D71" s="31">
        <v>23.41</v>
      </c>
      <c r="E71" s="27">
        <v>26.05</v>
      </c>
      <c r="I71" s="31"/>
      <c r="J71" s="31"/>
      <c r="K71" s="31"/>
      <c r="L71" s="31"/>
    </row>
    <row r="72" spans="1:12" x14ac:dyDescent="0.25">
      <c r="A72" s="42">
        <v>2093</v>
      </c>
      <c r="B72" s="44">
        <v>28.93</v>
      </c>
      <c r="C72" s="44">
        <v>21.04</v>
      </c>
      <c r="D72" s="31">
        <v>23.53</v>
      </c>
      <c r="E72" s="27">
        <v>26.44</v>
      </c>
      <c r="I72" s="31"/>
      <c r="J72" s="31"/>
      <c r="K72" s="31"/>
      <c r="L72" s="31"/>
    </row>
    <row r="73" spans="1:12" x14ac:dyDescent="0.25">
      <c r="A73" s="42">
        <v>2094</v>
      </c>
      <c r="B73" s="44">
        <v>29.2</v>
      </c>
      <c r="C73" s="44">
        <v>21.28</v>
      </c>
      <c r="D73" s="31">
        <v>23.65</v>
      </c>
      <c r="E73" s="27">
        <v>26.83</v>
      </c>
      <c r="I73" s="31"/>
      <c r="J73" s="31"/>
      <c r="K73" s="31"/>
      <c r="L73" s="31"/>
    </row>
    <row r="74" spans="1:12" x14ac:dyDescent="0.25">
      <c r="A74" s="42">
        <v>2095</v>
      </c>
      <c r="B74" s="44">
        <v>29.48</v>
      </c>
      <c r="C74" s="44">
        <v>21.53</v>
      </c>
      <c r="D74" s="31">
        <v>23.78</v>
      </c>
      <c r="E74" s="27">
        <v>27.23</v>
      </c>
      <c r="I74" s="31"/>
      <c r="J74" s="31"/>
      <c r="K74" s="31"/>
      <c r="L74" s="31"/>
    </row>
    <row r="75" spans="1:12" x14ac:dyDescent="0.25">
      <c r="A75" s="42">
        <v>2096</v>
      </c>
      <c r="B75" s="44">
        <v>29.83</v>
      </c>
      <c r="C75" s="44">
        <v>21.81</v>
      </c>
      <c r="D75" s="31">
        <v>23.95</v>
      </c>
      <c r="E75" s="27">
        <v>27.69</v>
      </c>
      <c r="I75" s="31"/>
      <c r="J75" s="31"/>
      <c r="K75" s="31"/>
      <c r="L75" s="31"/>
    </row>
    <row r="76" spans="1:12" x14ac:dyDescent="0.25">
      <c r="A76" s="42">
        <v>2097</v>
      </c>
      <c r="B76" s="44">
        <v>30.19</v>
      </c>
      <c r="C76" s="44">
        <v>22.1</v>
      </c>
      <c r="D76" s="31">
        <v>24.13</v>
      </c>
      <c r="E76" s="27">
        <v>28.15</v>
      </c>
      <c r="I76" s="31"/>
      <c r="J76" s="31"/>
      <c r="K76" s="31"/>
      <c r="L76" s="31"/>
    </row>
    <row r="77" spans="1:12" x14ac:dyDescent="0.25">
      <c r="A77" s="42">
        <v>2098</v>
      </c>
      <c r="B77" s="44">
        <v>30.55</v>
      </c>
      <c r="C77" s="44">
        <v>22.39</v>
      </c>
      <c r="D77" s="31">
        <v>24.31</v>
      </c>
      <c r="E77" s="27">
        <v>28.62</v>
      </c>
      <c r="I77" s="31"/>
      <c r="J77" s="31"/>
      <c r="K77" s="31"/>
      <c r="L77" s="31"/>
    </row>
    <row r="78" spans="1:12" x14ac:dyDescent="0.25">
      <c r="A78" s="42">
        <v>2099</v>
      </c>
      <c r="B78" s="44">
        <v>30.92</v>
      </c>
      <c r="C78" s="44">
        <v>22.68</v>
      </c>
      <c r="D78" s="31">
        <v>24.5</v>
      </c>
      <c r="E78" s="27">
        <v>29.09</v>
      </c>
      <c r="I78" s="31"/>
      <c r="J78" s="31"/>
      <c r="K78" s="31"/>
      <c r="L78" s="31"/>
    </row>
    <row r="79" spans="1:12" x14ac:dyDescent="0.25">
      <c r="A79" s="43">
        <v>2100</v>
      </c>
      <c r="B79" s="45">
        <v>31.29</v>
      </c>
      <c r="C79" s="45">
        <v>22.97</v>
      </c>
      <c r="D79" s="32">
        <v>24.69</v>
      </c>
      <c r="E79" s="28">
        <v>29.57</v>
      </c>
      <c r="I79" s="31"/>
      <c r="J79" s="31"/>
      <c r="K79" s="31"/>
      <c r="L79" s="31"/>
    </row>
    <row r="80" spans="1:12" ht="14.5" x14ac:dyDescent="0.35">
      <c r="B80" s="18"/>
      <c r="C80" s="18"/>
    </row>
    <row r="81" spans="1:3" ht="14.5" x14ac:dyDescent="0.35">
      <c r="A81" t="s">
        <v>57</v>
      </c>
      <c r="B81" s="18"/>
      <c r="C81" s="18"/>
    </row>
    <row r="82" spans="1:3" ht="14.5" x14ac:dyDescent="0.35">
      <c r="A82" t="s">
        <v>36</v>
      </c>
      <c r="B82" s="18"/>
      <c r="C82" s="18"/>
    </row>
    <row r="83" spans="1:3" ht="14.5" x14ac:dyDescent="0.35">
      <c r="A83" s="18"/>
      <c r="B83" s="18"/>
      <c r="C83" s="18"/>
    </row>
    <row r="84" spans="1:3" ht="14.5" x14ac:dyDescent="0.35">
      <c r="A84" s="18"/>
      <c r="B84" s="18"/>
      <c r="C84" s="18"/>
    </row>
    <row r="85" spans="1:3" ht="14.5" x14ac:dyDescent="0.35">
      <c r="A85" s="18"/>
      <c r="B85" s="18"/>
      <c r="C85" s="18"/>
    </row>
    <row r="86" spans="1:3" ht="14.5" x14ac:dyDescent="0.35">
      <c r="A86" s="18"/>
      <c r="B86" s="18"/>
      <c r="C86" s="18"/>
    </row>
    <row r="87" spans="1:3" ht="14.5" x14ac:dyDescent="0.35">
      <c r="A87" s="18"/>
      <c r="B87" s="18"/>
      <c r="C87" s="18"/>
    </row>
    <row r="88" spans="1:3" ht="14.5" x14ac:dyDescent="0.35">
      <c r="A88" s="18"/>
      <c r="B88" s="18"/>
      <c r="C88" s="18"/>
    </row>
    <row r="89" spans="1:3" ht="14.5" x14ac:dyDescent="0.35">
      <c r="A89" s="18"/>
      <c r="B89" s="18"/>
      <c r="C89" s="18"/>
    </row>
    <row r="90" spans="1:3" ht="14.5" x14ac:dyDescent="0.35">
      <c r="A90" s="18"/>
      <c r="B90" s="18"/>
      <c r="C90" s="18"/>
    </row>
    <row r="91" spans="1:3" ht="14.5" x14ac:dyDescent="0.35">
      <c r="A91" s="18"/>
      <c r="B91" s="18"/>
      <c r="C91" s="18"/>
    </row>
    <row r="92" spans="1:3" ht="14.5" x14ac:dyDescent="0.35">
      <c r="A92" s="18"/>
      <c r="B92" s="18"/>
      <c r="C92" s="18"/>
    </row>
    <row r="93" spans="1:3" ht="14.5" x14ac:dyDescent="0.35">
      <c r="A93" s="18"/>
      <c r="B93" s="18"/>
      <c r="C93" s="18"/>
    </row>
    <row r="94" spans="1:3" ht="14.5" x14ac:dyDescent="0.35">
      <c r="A94" s="18"/>
      <c r="B94" s="18"/>
      <c r="C94" s="18"/>
    </row>
    <row r="95" spans="1:3" ht="14.5" x14ac:dyDescent="0.35">
      <c r="A95" s="18"/>
      <c r="B95" s="18"/>
      <c r="C95" s="18"/>
    </row>
    <row r="96" spans="1:3" ht="14.5" x14ac:dyDescent="0.35">
      <c r="A96" s="18"/>
      <c r="B96" s="18"/>
      <c r="C96" s="18"/>
    </row>
    <row r="97" spans="1:3" ht="14.5" x14ac:dyDescent="0.35">
      <c r="A97" s="18"/>
      <c r="B97" s="18"/>
      <c r="C97" s="18"/>
    </row>
    <row r="98" spans="1:3" ht="14.5" x14ac:dyDescent="0.35">
      <c r="A98" s="18"/>
      <c r="B98" s="18"/>
      <c r="C98" s="18"/>
    </row>
    <row r="99" spans="1:3" ht="14.5" x14ac:dyDescent="0.35">
      <c r="A99" s="18"/>
      <c r="B99" s="18"/>
      <c r="C99" s="18"/>
    </row>
    <row r="100" spans="1:3" ht="14.5" x14ac:dyDescent="0.35">
      <c r="A100" s="18"/>
      <c r="B100" s="18"/>
      <c r="C100" s="18"/>
    </row>
    <row r="101" spans="1:3" ht="14.5" x14ac:dyDescent="0.35">
      <c r="A101" s="18"/>
      <c r="B101" s="18"/>
      <c r="C101" s="18"/>
    </row>
    <row r="102" spans="1:3" ht="14.5" x14ac:dyDescent="0.35">
      <c r="A102" s="18"/>
      <c r="B102" s="18"/>
      <c r="C102" s="18"/>
    </row>
    <row r="103" spans="1:3" ht="14.5" x14ac:dyDescent="0.35">
      <c r="A103" s="18"/>
      <c r="B103" s="18"/>
      <c r="C103" s="18"/>
    </row>
    <row r="104" spans="1:3" ht="14.5" x14ac:dyDescent="0.35">
      <c r="A104" s="18"/>
      <c r="B104" s="18"/>
      <c r="C104" s="18"/>
    </row>
    <row r="105" spans="1:3" ht="14.5" x14ac:dyDescent="0.35">
      <c r="A105" s="18"/>
      <c r="B105" s="18"/>
      <c r="C105" s="18"/>
    </row>
    <row r="106" spans="1:3" ht="14.5" x14ac:dyDescent="0.35">
      <c r="A106" s="18"/>
      <c r="B106" s="18"/>
      <c r="C106" s="18"/>
    </row>
    <row r="107" spans="1:3" ht="14.5" x14ac:dyDescent="0.35">
      <c r="A107" s="18"/>
      <c r="B107" s="18"/>
      <c r="C107" s="18"/>
    </row>
    <row r="108" spans="1:3" ht="14.5" x14ac:dyDescent="0.35">
      <c r="A108" s="18"/>
      <c r="B108" s="18"/>
      <c r="C108" s="18"/>
    </row>
    <row r="109" spans="1:3" ht="14.5" x14ac:dyDescent="0.35">
      <c r="A109" s="18"/>
      <c r="B109" s="18"/>
      <c r="C109" s="18"/>
    </row>
    <row r="110" spans="1:3" ht="14.5" x14ac:dyDescent="0.35">
      <c r="A110" s="18"/>
      <c r="B110" s="18"/>
      <c r="C110" s="18"/>
    </row>
    <row r="111" spans="1:3" ht="14.5" x14ac:dyDescent="0.35">
      <c r="A111" s="18"/>
      <c r="B111" s="18"/>
      <c r="C111" s="18"/>
    </row>
    <row r="112" spans="1:3" ht="14.5" x14ac:dyDescent="0.35">
      <c r="A112" s="18"/>
      <c r="B112" s="18"/>
      <c r="C112" s="18"/>
    </row>
    <row r="113" spans="1:3" ht="14.5" x14ac:dyDescent="0.35">
      <c r="A113" s="18"/>
      <c r="B113" s="18"/>
      <c r="C113" s="18"/>
    </row>
    <row r="114" spans="1:3" ht="14.5" x14ac:dyDescent="0.35">
      <c r="A114" s="18"/>
      <c r="B114" s="18"/>
      <c r="C114" s="18"/>
    </row>
    <row r="115" spans="1:3" ht="14.5" x14ac:dyDescent="0.35">
      <c r="A115" s="18"/>
      <c r="B115" s="18"/>
      <c r="C115" s="18"/>
    </row>
    <row r="116" spans="1:3" ht="14.5" x14ac:dyDescent="0.35">
      <c r="A116" s="18"/>
      <c r="B116" s="18"/>
      <c r="C116" s="18"/>
    </row>
    <row r="117" spans="1:3" ht="14.5" x14ac:dyDescent="0.35">
      <c r="A117" s="18"/>
      <c r="B117" s="18"/>
      <c r="C117" s="18"/>
    </row>
    <row r="118" spans="1:3" ht="14.5" x14ac:dyDescent="0.35">
      <c r="A118" s="18"/>
      <c r="B118" s="18"/>
      <c r="C118" s="18"/>
    </row>
    <row r="119" spans="1:3" ht="14.5" x14ac:dyDescent="0.35">
      <c r="A119" s="18"/>
      <c r="B119" s="18"/>
      <c r="C119" s="18"/>
    </row>
    <row r="120" spans="1:3" ht="14.5" x14ac:dyDescent="0.35">
      <c r="A120" s="18"/>
      <c r="B120" s="18"/>
      <c r="C120" s="18"/>
    </row>
    <row r="121" spans="1:3" ht="14.5" x14ac:dyDescent="0.35">
      <c r="A121" s="18"/>
      <c r="B121" s="18"/>
      <c r="C121" s="18"/>
    </row>
    <row r="122" spans="1:3" ht="14.5" x14ac:dyDescent="0.35">
      <c r="A122" s="18"/>
      <c r="B122" s="18"/>
      <c r="C122" s="18"/>
    </row>
    <row r="123" spans="1:3" ht="14.5" x14ac:dyDescent="0.35">
      <c r="A123" s="18"/>
      <c r="B123" s="18"/>
      <c r="C123" s="18"/>
    </row>
    <row r="124" spans="1:3" ht="14.5" x14ac:dyDescent="0.35">
      <c r="A124" s="18"/>
      <c r="B124" s="18"/>
      <c r="C124" s="18"/>
    </row>
    <row r="125" spans="1:3" ht="14.5" x14ac:dyDescent="0.35">
      <c r="A125" s="18"/>
      <c r="B125" s="18"/>
      <c r="C125" s="18"/>
    </row>
    <row r="126" spans="1:3" ht="14.5" x14ac:dyDescent="0.35">
      <c r="A126" s="18"/>
      <c r="B126" s="18"/>
      <c r="C126" s="18"/>
    </row>
    <row r="127" spans="1:3" ht="14.5" x14ac:dyDescent="0.35">
      <c r="A127" s="18"/>
      <c r="B127" s="18"/>
      <c r="C127" s="18"/>
    </row>
    <row r="128" spans="1:3" ht="14.5" x14ac:dyDescent="0.35">
      <c r="A128" s="18"/>
      <c r="B128" s="18"/>
      <c r="C128" s="18"/>
    </row>
    <row r="129" spans="1:3" ht="14.5" x14ac:dyDescent="0.35">
      <c r="A129" s="18"/>
      <c r="B129" s="18"/>
      <c r="C129" s="18"/>
    </row>
    <row r="130" spans="1:3" ht="14.5" x14ac:dyDescent="0.35">
      <c r="A130" s="18"/>
      <c r="B130" s="18"/>
      <c r="C130" s="18"/>
    </row>
    <row r="131" spans="1:3" ht="14.5" x14ac:dyDescent="0.35">
      <c r="A131" s="18"/>
      <c r="B131" s="18"/>
      <c r="C131" s="18"/>
    </row>
    <row r="132" spans="1:3" ht="14.5" x14ac:dyDescent="0.35">
      <c r="A132" s="18"/>
      <c r="B132" s="18"/>
      <c r="C132" s="18"/>
    </row>
    <row r="133" spans="1:3" ht="14.5" x14ac:dyDescent="0.35">
      <c r="A133" s="18"/>
      <c r="B133" s="18"/>
      <c r="C133" s="18"/>
    </row>
    <row r="134" spans="1:3" ht="14.5" x14ac:dyDescent="0.35">
      <c r="A134" s="18"/>
      <c r="B134" s="18"/>
      <c r="C134" s="18"/>
    </row>
    <row r="135" spans="1:3" ht="14.5" x14ac:dyDescent="0.35">
      <c r="A135" s="18"/>
      <c r="B135" s="18"/>
      <c r="C135" s="18"/>
    </row>
    <row r="136" spans="1:3" ht="14.5" x14ac:dyDescent="0.35">
      <c r="A136" s="18"/>
      <c r="B136" s="18"/>
      <c r="C136" s="18"/>
    </row>
    <row r="137" spans="1:3" ht="14.5" x14ac:dyDescent="0.35">
      <c r="A137" s="18"/>
      <c r="B137" s="18"/>
      <c r="C137" s="18"/>
    </row>
    <row r="138" spans="1:3" ht="14.5" x14ac:dyDescent="0.35">
      <c r="A138" s="18"/>
      <c r="B138" s="18"/>
      <c r="C138" s="18"/>
    </row>
    <row r="139" spans="1:3" ht="14.5" x14ac:dyDescent="0.35">
      <c r="A139" s="18"/>
      <c r="B139" s="18"/>
      <c r="C139" s="18"/>
    </row>
    <row r="140" spans="1:3" ht="14.5" x14ac:dyDescent="0.35">
      <c r="A140" s="18"/>
      <c r="B140" s="18"/>
      <c r="C140" s="18"/>
    </row>
    <row r="141" spans="1:3" ht="14.5" x14ac:dyDescent="0.35">
      <c r="A141" s="18"/>
      <c r="B141" s="18"/>
      <c r="C141" s="18"/>
    </row>
    <row r="142" spans="1:3" ht="14.5" x14ac:dyDescent="0.35">
      <c r="A142" s="18"/>
      <c r="B142" s="18"/>
      <c r="C142" s="18"/>
    </row>
    <row r="143" spans="1:3" ht="14.5" x14ac:dyDescent="0.35">
      <c r="A143" s="18"/>
      <c r="B143" s="18"/>
      <c r="C143" s="18"/>
    </row>
    <row r="144" spans="1:3" ht="14.5" x14ac:dyDescent="0.35">
      <c r="A144" s="18"/>
      <c r="B144" s="18"/>
      <c r="C144" s="18"/>
    </row>
    <row r="145" spans="1:3" ht="14.5" x14ac:dyDescent="0.35">
      <c r="A145" s="18"/>
      <c r="B145" s="18"/>
      <c r="C145" s="18"/>
    </row>
    <row r="146" spans="1:3" ht="14.5" x14ac:dyDescent="0.35">
      <c r="A146" s="18"/>
      <c r="B146" s="18"/>
      <c r="C146" s="18"/>
    </row>
    <row r="147" spans="1:3" ht="14.5" x14ac:dyDescent="0.35">
      <c r="A147" s="18"/>
      <c r="B147" s="18"/>
      <c r="C147" s="18"/>
    </row>
    <row r="148" spans="1:3" ht="14.5" x14ac:dyDescent="0.35">
      <c r="A148" s="18"/>
      <c r="B148" s="18"/>
      <c r="C148" s="18"/>
    </row>
    <row r="149" spans="1:3" ht="14.5" x14ac:dyDescent="0.35">
      <c r="A149" s="18"/>
      <c r="B149" s="18"/>
      <c r="C149" s="18"/>
    </row>
    <row r="150" spans="1:3" ht="14.5" x14ac:dyDescent="0.35">
      <c r="A150" s="18"/>
      <c r="B150" s="18"/>
      <c r="C150" s="18"/>
    </row>
    <row r="151" spans="1:3" ht="14.5" x14ac:dyDescent="0.35">
      <c r="A151" s="18"/>
      <c r="B151" s="18"/>
      <c r="C151" s="18"/>
    </row>
    <row r="152" spans="1:3" ht="14.5" x14ac:dyDescent="0.35">
      <c r="A152" s="18"/>
      <c r="B152" s="18"/>
      <c r="C152" s="18"/>
    </row>
    <row r="153" spans="1:3" ht="14.5" x14ac:dyDescent="0.35">
      <c r="A153" s="18"/>
      <c r="B153" s="18"/>
      <c r="C153" s="18"/>
    </row>
    <row r="154" spans="1:3" ht="14.5" x14ac:dyDescent="0.35">
      <c r="A154" s="18"/>
      <c r="B154" s="18"/>
      <c r="C154" s="18"/>
    </row>
    <row r="155" spans="1:3" ht="14.5" x14ac:dyDescent="0.35">
      <c r="A155" s="18"/>
      <c r="B155" s="18"/>
      <c r="C155" s="18"/>
    </row>
    <row r="156" spans="1:3" ht="14.5" x14ac:dyDescent="0.35">
      <c r="A156" s="18"/>
      <c r="B156" s="18"/>
      <c r="C156" s="18"/>
    </row>
    <row r="157" spans="1:3" ht="14.5" x14ac:dyDescent="0.35">
      <c r="A157" s="18"/>
      <c r="B157" s="18"/>
      <c r="C157" s="18"/>
    </row>
    <row r="158" spans="1:3" ht="14.5" x14ac:dyDescent="0.35">
      <c r="A158" s="18"/>
      <c r="B158" s="18"/>
      <c r="C158" s="18"/>
    </row>
    <row r="159" spans="1:3" ht="14.5" x14ac:dyDescent="0.35">
      <c r="A159" s="18"/>
      <c r="B159" s="18"/>
      <c r="C159" s="18"/>
    </row>
    <row r="160" spans="1:3" ht="14.5" x14ac:dyDescent="0.35">
      <c r="A160" s="18"/>
      <c r="B160" s="18"/>
      <c r="C160" s="18"/>
    </row>
    <row r="161" spans="1:3" ht="14.5" x14ac:dyDescent="0.35">
      <c r="A161" s="18"/>
      <c r="B161" s="18"/>
      <c r="C161" s="18"/>
    </row>
    <row r="162" spans="1:3" ht="14.5" x14ac:dyDescent="0.35">
      <c r="A162" s="18"/>
      <c r="B162" s="18"/>
      <c r="C162" s="18"/>
    </row>
    <row r="163" spans="1:3" ht="14.5" x14ac:dyDescent="0.35">
      <c r="A163" s="18"/>
      <c r="B163" s="18"/>
      <c r="C163" s="18"/>
    </row>
    <row r="164" spans="1:3" ht="14.5" x14ac:dyDescent="0.35">
      <c r="A164" s="18"/>
      <c r="B164" s="18"/>
      <c r="C164" s="18"/>
    </row>
    <row r="165" spans="1:3" ht="14.5" x14ac:dyDescent="0.35">
      <c r="A165" s="18"/>
      <c r="B165" s="18"/>
      <c r="C165" s="18"/>
    </row>
    <row r="166" spans="1:3" ht="14.5" x14ac:dyDescent="0.35">
      <c r="A166" s="18"/>
      <c r="B166" s="18"/>
      <c r="C166" s="18"/>
    </row>
    <row r="167" spans="1:3" ht="14.5" x14ac:dyDescent="0.35">
      <c r="A167" s="18"/>
      <c r="B167" s="18"/>
      <c r="C167" s="18"/>
    </row>
    <row r="168" spans="1:3" ht="14.5" x14ac:dyDescent="0.35">
      <c r="A168" s="18"/>
      <c r="B168" s="18"/>
      <c r="C168" s="18"/>
    </row>
    <row r="169" spans="1:3" ht="14.5" x14ac:dyDescent="0.35">
      <c r="A169" s="18"/>
      <c r="B169" s="18"/>
      <c r="C169" s="18"/>
    </row>
    <row r="170" spans="1:3" ht="14.5" x14ac:dyDescent="0.35">
      <c r="A170" s="18"/>
      <c r="B170" s="18"/>
      <c r="C170" s="18"/>
    </row>
    <row r="171" spans="1:3" ht="14.5" x14ac:dyDescent="0.35">
      <c r="A171" s="18"/>
      <c r="B171" s="18"/>
      <c r="C171" s="18"/>
    </row>
    <row r="172" spans="1:3" ht="14.5" x14ac:dyDescent="0.35">
      <c r="A172" s="18"/>
      <c r="B172" s="18"/>
      <c r="C172" s="18"/>
    </row>
    <row r="173" spans="1:3" ht="14.5" x14ac:dyDescent="0.35">
      <c r="A173" s="18"/>
      <c r="B173" s="18"/>
      <c r="C173" s="18"/>
    </row>
    <row r="174" spans="1:3" ht="14.5" x14ac:dyDescent="0.35">
      <c r="A174" s="18"/>
      <c r="B174" s="18"/>
      <c r="C174" s="18"/>
    </row>
    <row r="175" spans="1:3" ht="14.5" x14ac:dyDescent="0.35">
      <c r="A175" s="18"/>
      <c r="B175" s="18"/>
      <c r="C175" s="18"/>
    </row>
    <row r="176" spans="1:3" ht="14.5" x14ac:dyDescent="0.35">
      <c r="A176" s="18"/>
      <c r="B176" s="18"/>
      <c r="C176" s="18"/>
    </row>
    <row r="177" spans="1:3" ht="14.5" x14ac:dyDescent="0.35">
      <c r="A177" s="18"/>
      <c r="B177" s="18"/>
      <c r="C177" s="18"/>
    </row>
    <row r="178" spans="1:3" ht="14.5" x14ac:dyDescent="0.35">
      <c r="A178" s="18"/>
      <c r="B178" s="18"/>
      <c r="C178" s="18"/>
    </row>
    <row r="179" spans="1:3" ht="14.5" x14ac:dyDescent="0.35">
      <c r="A179" s="18"/>
      <c r="B179" s="18"/>
      <c r="C179" s="18"/>
    </row>
    <row r="180" spans="1:3" ht="14.5" x14ac:dyDescent="0.35">
      <c r="A180" s="18"/>
      <c r="B180" s="18"/>
      <c r="C180" s="18"/>
    </row>
    <row r="181" spans="1:3" ht="14.5" x14ac:dyDescent="0.35">
      <c r="A181" s="18"/>
      <c r="B181" s="18"/>
      <c r="C181" s="18"/>
    </row>
    <row r="182" spans="1:3" ht="14.5" x14ac:dyDescent="0.35">
      <c r="A182" s="18"/>
      <c r="B182" s="18"/>
      <c r="C182" s="18"/>
    </row>
    <row r="183" spans="1:3" ht="14.5" x14ac:dyDescent="0.35">
      <c r="A183" s="18"/>
      <c r="B183" s="18"/>
      <c r="C183" s="18"/>
    </row>
    <row r="184" spans="1:3" ht="14.5" x14ac:dyDescent="0.35">
      <c r="A184" s="18"/>
      <c r="B184" s="18"/>
      <c r="C184" s="18"/>
    </row>
    <row r="185" spans="1:3" ht="14.5" x14ac:dyDescent="0.35">
      <c r="A185" s="18"/>
      <c r="B185" s="18"/>
      <c r="C185" s="18"/>
    </row>
    <row r="186" spans="1:3" ht="14.5" x14ac:dyDescent="0.35">
      <c r="A186" s="18"/>
      <c r="B186" s="18"/>
      <c r="C186" s="18"/>
    </row>
    <row r="187" spans="1:3" ht="14.5" x14ac:dyDescent="0.35">
      <c r="A187" s="18"/>
      <c r="B187" s="18"/>
      <c r="C187" s="18"/>
    </row>
    <row r="188" spans="1:3" ht="14.5" x14ac:dyDescent="0.35">
      <c r="A188" s="18"/>
      <c r="B188" s="18"/>
      <c r="C188" s="18"/>
    </row>
    <row r="189" spans="1:3" ht="14.5" x14ac:dyDescent="0.35">
      <c r="A189" s="18"/>
      <c r="B189" s="18"/>
      <c r="C189" s="18"/>
    </row>
    <row r="190" spans="1:3" ht="14.5" x14ac:dyDescent="0.35">
      <c r="A190" s="18"/>
      <c r="B190" s="18"/>
      <c r="C190" s="18"/>
    </row>
    <row r="191" spans="1:3" ht="14.5" x14ac:dyDescent="0.35">
      <c r="A191" s="18"/>
      <c r="B191" s="18"/>
      <c r="C191" s="18"/>
    </row>
    <row r="192" spans="1:3" ht="14.5" x14ac:dyDescent="0.35">
      <c r="A192" s="18"/>
      <c r="B192" s="18"/>
      <c r="C192" s="18"/>
    </row>
    <row r="193" spans="1:3" ht="14.5" x14ac:dyDescent="0.35">
      <c r="A193" s="18"/>
      <c r="B193" s="18"/>
      <c r="C193" s="18"/>
    </row>
    <row r="194" spans="1:3" ht="14.5" x14ac:dyDescent="0.35">
      <c r="A194" s="18"/>
      <c r="B194" s="18"/>
      <c r="C194" s="18"/>
    </row>
    <row r="195" spans="1:3" ht="14.5" x14ac:dyDescent="0.35">
      <c r="A195" s="18"/>
      <c r="B195" s="18"/>
      <c r="C195" s="18"/>
    </row>
    <row r="196" spans="1:3" ht="14.5" x14ac:dyDescent="0.35">
      <c r="A196" s="18"/>
      <c r="B196" s="18"/>
      <c r="C196" s="18"/>
    </row>
    <row r="197" spans="1:3" ht="14.5" x14ac:dyDescent="0.35">
      <c r="A197" s="18"/>
      <c r="B197" s="18"/>
      <c r="C197" s="18"/>
    </row>
    <row r="198" spans="1:3" ht="14.5" x14ac:dyDescent="0.35">
      <c r="A198" s="18"/>
      <c r="B198" s="18"/>
      <c r="C198" s="18"/>
    </row>
    <row r="199" spans="1:3" ht="14.5" x14ac:dyDescent="0.35">
      <c r="A199" s="18"/>
      <c r="B199" s="18"/>
      <c r="C199" s="18"/>
    </row>
    <row r="200" spans="1:3" ht="14.5" x14ac:dyDescent="0.35">
      <c r="A200" s="18"/>
      <c r="B200" s="18"/>
      <c r="C200" s="18"/>
    </row>
    <row r="201" spans="1:3" ht="14.5" x14ac:dyDescent="0.35">
      <c r="A201" s="18"/>
      <c r="B201" s="18"/>
      <c r="C201" s="18"/>
    </row>
    <row r="202" spans="1:3" ht="14.5" x14ac:dyDescent="0.35">
      <c r="A202" s="18"/>
      <c r="B202" s="18"/>
      <c r="C202" s="18"/>
    </row>
    <row r="203" spans="1:3" ht="14.5" x14ac:dyDescent="0.35">
      <c r="A203" s="18"/>
      <c r="B203" s="18"/>
      <c r="C203" s="18"/>
    </row>
    <row r="204" spans="1:3" ht="14.5" x14ac:dyDescent="0.35">
      <c r="A204" s="18"/>
      <c r="B204" s="18"/>
      <c r="C204" s="18"/>
    </row>
    <row r="205" spans="1:3" ht="14.5" x14ac:dyDescent="0.35">
      <c r="A205" s="18"/>
      <c r="B205" s="18"/>
      <c r="C205" s="18"/>
    </row>
    <row r="206" spans="1:3" ht="14.5" x14ac:dyDescent="0.35">
      <c r="A206" s="18"/>
      <c r="B206" s="18"/>
      <c r="C206" s="18"/>
    </row>
    <row r="207" spans="1:3" ht="14.5" x14ac:dyDescent="0.35">
      <c r="A207" s="18"/>
      <c r="B207" s="18"/>
      <c r="C207" s="18"/>
    </row>
    <row r="208" spans="1:3" ht="14.5" x14ac:dyDescent="0.35">
      <c r="A208" s="18"/>
      <c r="B208" s="18"/>
      <c r="C208" s="18"/>
    </row>
    <row r="209" spans="1:3" ht="14.5" x14ac:dyDescent="0.35">
      <c r="A209" s="18"/>
      <c r="B209" s="18"/>
      <c r="C209" s="18"/>
    </row>
    <row r="210" spans="1:3" ht="14.5" x14ac:dyDescent="0.35">
      <c r="A210" s="18"/>
      <c r="B210" s="18"/>
      <c r="C210" s="18"/>
    </row>
    <row r="211" spans="1:3" ht="14.5" x14ac:dyDescent="0.35">
      <c r="A211" s="18"/>
      <c r="B211" s="18"/>
      <c r="C211" s="18"/>
    </row>
    <row r="212" spans="1:3" ht="14.5" x14ac:dyDescent="0.35">
      <c r="A212" s="18"/>
      <c r="B212" s="18"/>
      <c r="C212" s="18"/>
    </row>
    <row r="213" spans="1:3" ht="14.5" x14ac:dyDescent="0.35">
      <c r="A213" s="18"/>
      <c r="B213" s="18"/>
      <c r="C213" s="18"/>
    </row>
    <row r="214" spans="1:3" ht="14.5" x14ac:dyDescent="0.35">
      <c r="A214" s="18"/>
      <c r="B214" s="18"/>
      <c r="C214" s="18"/>
    </row>
    <row r="215" spans="1:3" ht="14.5" x14ac:dyDescent="0.35">
      <c r="A215" s="18"/>
      <c r="B215" s="18"/>
      <c r="C215" s="18"/>
    </row>
    <row r="216" spans="1:3" ht="14.5" x14ac:dyDescent="0.35">
      <c r="A216" s="18"/>
      <c r="B216" s="18"/>
      <c r="C216" s="18"/>
    </row>
    <row r="217" spans="1:3" ht="14.5" x14ac:dyDescent="0.35">
      <c r="A217" s="18"/>
      <c r="B217" s="18"/>
      <c r="C217" s="18"/>
    </row>
    <row r="218" spans="1:3" ht="14.5" x14ac:dyDescent="0.35">
      <c r="A218" s="18"/>
      <c r="B218" s="18"/>
      <c r="C218" s="18"/>
    </row>
    <row r="219" spans="1:3" ht="14.5" x14ac:dyDescent="0.35">
      <c r="A219" s="18"/>
      <c r="B219" s="18"/>
      <c r="C219" s="18"/>
    </row>
    <row r="220" spans="1:3" ht="14.5" x14ac:dyDescent="0.35">
      <c r="A220" s="18"/>
      <c r="B220" s="18"/>
      <c r="C220" s="18"/>
    </row>
    <row r="221" spans="1:3" ht="14.5" x14ac:dyDescent="0.35">
      <c r="A221" s="18"/>
      <c r="B221" s="18"/>
      <c r="C221" s="18"/>
    </row>
    <row r="222" spans="1:3" ht="14.5" x14ac:dyDescent="0.35">
      <c r="A222" s="18"/>
      <c r="B222" s="18"/>
      <c r="C222" s="18"/>
    </row>
    <row r="223" spans="1:3" ht="14.5" x14ac:dyDescent="0.35">
      <c r="A223" s="18"/>
      <c r="B223" s="18"/>
      <c r="C223" s="18"/>
    </row>
    <row r="224" spans="1:3" ht="14.5" x14ac:dyDescent="0.35">
      <c r="A224" s="18"/>
      <c r="B224" s="18"/>
      <c r="C224" s="18"/>
    </row>
    <row r="225" spans="1:3" ht="14.5" x14ac:dyDescent="0.35">
      <c r="A225" s="18"/>
      <c r="B225" s="18"/>
      <c r="C225" s="18"/>
    </row>
    <row r="226" spans="1:3" ht="14.5" x14ac:dyDescent="0.35">
      <c r="A226" s="18"/>
      <c r="B226" s="18"/>
      <c r="C226" s="18"/>
    </row>
    <row r="227" spans="1:3" ht="14.5" x14ac:dyDescent="0.35">
      <c r="A227" s="18"/>
      <c r="B227" s="18"/>
      <c r="C227" s="18"/>
    </row>
    <row r="228" spans="1:3" ht="14.5" x14ac:dyDescent="0.35">
      <c r="A228" s="18"/>
      <c r="B228" s="18"/>
      <c r="C228" s="18"/>
    </row>
    <row r="229" spans="1:3" ht="14.5" x14ac:dyDescent="0.35">
      <c r="A229" s="18"/>
      <c r="B229" s="18"/>
      <c r="C229" s="18"/>
    </row>
    <row r="230" spans="1:3" ht="14.5" x14ac:dyDescent="0.35">
      <c r="A230" s="18"/>
      <c r="B230" s="18"/>
      <c r="C230" s="18"/>
    </row>
    <row r="231" spans="1:3" ht="14.5" x14ac:dyDescent="0.35">
      <c r="A231" s="18"/>
      <c r="B231" s="18"/>
      <c r="C231" s="18"/>
    </row>
    <row r="232" spans="1:3" ht="14.5" x14ac:dyDescent="0.35">
      <c r="A232" s="18"/>
      <c r="B232" s="18"/>
      <c r="C232" s="18"/>
    </row>
    <row r="233" spans="1:3" ht="14.5" x14ac:dyDescent="0.35">
      <c r="A233" s="18"/>
      <c r="B233" s="18"/>
      <c r="C233" s="18"/>
    </row>
    <row r="234" spans="1:3" ht="14.5" x14ac:dyDescent="0.35">
      <c r="A234" s="18"/>
      <c r="B234" s="18"/>
      <c r="C234" s="18"/>
    </row>
    <row r="235" spans="1:3" ht="14.5" x14ac:dyDescent="0.35">
      <c r="A235" s="18"/>
      <c r="B235" s="18"/>
      <c r="C235" s="18"/>
    </row>
    <row r="236" spans="1:3" ht="14.5" x14ac:dyDescent="0.35">
      <c r="A236" s="18"/>
      <c r="B236" s="18"/>
      <c r="C236" s="18"/>
    </row>
    <row r="237" spans="1:3" ht="14.5" x14ac:dyDescent="0.35">
      <c r="A237" s="18"/>
      <c r="B237" s="18"/>
      <c r="C237" s="18"/>
    </row>
    <row r="238" spans="1:3" ht="14.5" x14ac:dyDescent="0.35">
      <c r="A238" s="18"/>
      <c r="B238" s="18"/>
      <c r="C238" s="18"/>
    </row>
    <row r="239" spans="1:3" ht="14.5" x14ac:dyDescent="0.35">
      <c r="A239" s="18"/>
      <c r="B239" s="18"/>
      <c r="C239" s="18"/>
    </row>
    <row r="240" spans="1:3" ht="14.5" x14ac:dyDescent="0.35">
      <c r="A240" s="18"/>
      <c r="B240" s="18"/>
      <c r="C240" s="18"/>
    </row>
    <row r="241" spans="1:3" ht="14.5" x14ac:dyDescent="0.35">
      <c r="A241" s="18"/>
      <c r="B241" s="18"/>
      <c r="C241" s="18"/>
    </row>
    <row r="242" spans="1:3" ht="14.5" x14ac:dyDescent="0.35">
      <c r="A242" s="18"/>
      <c r="B242" s="18"/>
      <c r="C242" s="18"/>
    </row>
    <row r="243" spans="1:3" ht="14.5" x14ac:dyDescent="0.35">
      <c r="A243" s="18"/>
      <c r="B243" s="18"/>
      <c r="C243" s="18"/>
    </row>
    <row r="244" spans="1:3" ht="14.5" x14ac:dyDescent="0.35">
      <c r="A244" s="18"/>
      <c r="B244" s="18"/>
      <c r="C244" s="18"/>
    </row>
    <row r="245" spans="1:3" ht="14.5" x14ac:dyDescent="0.35">
      <c r="A245" s="18"/>
      <c r="B245" s="18"/>
      <c r="C245" s="18"/>
    </row>
    <row r="246" spans="1:3" ht="14.5" x14ac:dyDescent="0.35">
      <c r="A246" s="18"/>
      <c r="B246" s="18"/>
      <c r="C246" s="18"/>
    </row>
    <row r="247" spans="1:3" ht="14.5" x14ac:dyDescent="0.35">
      <c r="A247" s="18"/>
      <c r="B247" s="18"/>
      <c r="C247" s="18"/>
    </row>
    <row r="248" spans="1:3" ht="14.5" x14ac:dyDescent="0.35">
      <c r="A248" s="18"/>
      <c r="B248" s="18"/>
      <c r="C248" s="18"/>
    </row>
    <row r="249" spans="1:3" ht="14.5" x14ac:dyDescent="0.35">
      <c r="A249" s="18"/>
      <c r="B249" s="18"/>
      <c r="C249" s="18"/>
    </row>
    <row r="250" spans="1:3" ht="14.5" x14ac:dyDescent="0.35">
      <c r="A250" s="18"/>
      <c r="B250" s="18"/>
      <c r="C250" s="18"/>
    </row>
    <row r="251" spans="1:3" ht="14.5" x14ac:dyDescent="0.35">
      <c r="A251" s="18"/>
      <c r="B251" s="18"/>
      <c r="C251" s="18"/>
    </row>
    <row r="252" spans="1:3" ht="14.5" x14ac:dyDescent="0.35">
      <c r="A252" s="18"/>
      <c r="B252" s="18"/>
      <c r="C252" s="18"/>
    </row>
    <row r="253" spans="1:3" ht="14.5" x14ac:dyDescent="0.35">
      <c r="A253" s="18"/>
      <c r="B253" s="18"/>
      <c r="C253" s="18"/>
    </row>
    <row r="254" spans="1:3" ht="14.5" x14ac:dyDescent="0.35">
      <c r="A254" s="18"/>
      <c r="B254" s="18"/>
      <c r="C254" s="18"/>
    </row>
    <row r="255" spans="1:3" ht="14.5" x14ac:dyDescent="0.35">
      <c r="A255" s="18"/>
      <c r="B255" s="18"/>
      <c r="C255" s="18"/>
    </row>
    <row r="256" spans="1:3" ht="14.5" x14ac:dyDescent="0.35">
      <c r="A256" s="18"/>
      <c r="B256" s="18"/>
      <c r="C256" s="18"/>
    </row>
    <row r="257" spans="1:3" ht="14.5" x14ac:dyDescent="0.35">
      <c r="A257" s="18"/>
      <c r="B257" s="18"/>
      <c r="C257" s="18"/>
    </row>
    <row r="258" spans="1:3" ht="14.5" x14ac:dyDescent="0.35">
      <c r="A258" s="18"/>
      <c r="B258" s="18"/>
      <c r="C258" s="18"/>
    </row>
    <row r="259" spans="1:3" ht="14.5" x14ac:dyDescent="0.35">
      <c r="A259" s="18"/>
      <c r="B259" s="18"/>
      <c r="C259" s="18"/>
    </row>
    <row r="260" spans="1:3" ht="14.5" x14ac:dyDescent="0.35">
      <c r="A260" s="18"/>
      <c r="B260" s="18"/>
      <c r="C260" s="18"/>
    </row>
    <row r="261" spans="1:3" ht="14.5" x14ac:dyDescent="0.35">
      <c r="A261" s="18"/>
      <c r="B261" s="18"/>
      <c r="C261" s="18"/>
    </row>
    <row r="262" spans="1:3" ht="14.5" x14ac:dyDescent="0.35">
      <c r="A262" s="18"/>
      <c r="B262" s="18"/>
      <c r="C262" s="18"/>
    </row>
    <row r="263" spans="1:3" ht="14.5" x14ac:dyDescent="0.35">
      <c r="A263" s="18"/>
      <c r="B263" s="18"/>
      <c r="C263" s="18"/>
    </row>
    <row r="264" spans="1:3" ht="14.5" x14ac:dyDescent="0.35">
      <c r="A264" s="18"/>
      <c r="B264" s="18"/>
      <c r="C264" s="18"/>
    </row>
    <row r="265" spans="1:3" ht="14.5" x14ac:dyDescent="0.35">
      <c r="A265" s="18"/>
      <c r="B265" s="18"/>
      <c r="C265" s="18"/>
    </row>
    <row r="266" spans="1:3" ht="14.5" x14ac:dyDescent="0.35">
      <c r="A266" s="18"/>
      <c r="B266" s="18"/>
      <c r="C266" s="18"/>
    </row>
    <row r="267" spans="1:3" ht="14.5" x14ac:dyDescent="0.35">
      <c r="A267" s="18"/>
      <c r="B267" s="18"/>
      <c r="C267" s="18"/>
    </row>
    <row r="268" spans="1:3" ht="14.5" x14ac:dyDescent="0.35">
      <c r="A268" s="18"/>
      <c r="B268" s="18"/>
      <c r="C268" s="18"/>
    </row>
    <row r="269" spans="1:3" ht="14.5" x14ac:dyDescent="0.35">
      <c r="A269" s="18"/>
      <c r="B269" s="18"/>
      <c r="C269" s="18"/>
    </row>
    <row r="270" spans="1:3" ht="14.5" x14ac:dyDescent="0.35">
      <c r="A270" s="18"/>
      <c r="B270" s="18"/>
      <c r="C270" s="18"/>
    </row>
    <row r="271" spans="1:3" ht="14.5" x14ac:dyDescent="0.35">
      <c r="A271" s="18"/>
      <c r="B271" s="18"/>
      <c r="C271" s="18"/>
    </row>
    <row r="272" spans="1:3" ht="14.5" x14ac:dyDescent="0.35">
      <c r="A272" s="18"/>
      <c r="B272" s="18"/>
      <c r="C272" s="18"/>
    </row>
    <row r="273" spans="1:3" ht="14.5" x14ac:dyDescent="0.35">
      <c r="A273" s="18"/>
      <c r="B273" s="18"/>
      <c r="C273" s="18"/>
    </row>
    <row r="274" spans="1:3" ht="14.5" x14ac:dyDescent="0.35">
      <c r="A274" s="18"/>
      <c r="B274" s="18"/>
      <c r="C274" s="18"/>
    </row>
    <row r="275" spans="1:3" ht="14.5" x14ac:dyDescent="0.35">
      <c r="A275" s="18"/>
      <c r="B275" s="18"/>
      <c r="C275" s="18"/>
    </row>
    <row r="276" spans="1:3" ht="14.5" x14ac:dyDescent="0.35">
      <c r="A276" s="18"/>
      <c r="B276" s="18"/>
      <c r="C276" s="18"/>
    </row>
    <row r="277" spans="1:3" ht="14.5" x14ac:dyDescent="0.35">
      <c r="A277" s="18"/>
      <c r="B277" s="18"/>
      <c r="C277" s="18"/>
    </row>
    <row r="278" spans="1:3" ht="14.5" x14ac:dyDescent="0.35">
      <c r="A278" s="18"/>
      <c r="B278" s="18"/>
      <c r="C278" s="18"/>
    </row>
    <row r="279" spans="1:3" ht="14.5" x14ac:dyDescent="0.35">
      <c r="A279" s="18"/>
      <c r="B279" s="18"/>
      <c r="C279" s="18"/>
    </row>
    <row r="280" spans="1:3" ht="14.5" x14ac:dyDescent="0.35">
      <c r="A280" s="18"/>
      <c r="B280" s="18"/>
      <c r="C280" s="18"/>
    </row>
    <row r="281" spans="1:3" ht="14.5" x14ac:dyDescent="0.35">
      <c r="A281" s="18"/>
      <c r="B281" s="18"/>
      <c r="C281" s="18"/>
    </row>
    <row r="282" spans="1:3" ht="14.5" x14ac:dyDescent="0.35">
      <c r="A282" s="18"/>
      <c r="B282" s="18"/>
      <c r="C282" s="18"/>
    </row>
    <row r="283" spans="1:3" ht="14.5" x14ac:dyDescent="0.35">
      <c r="A283" s="18"/>
      <c r="B283" s="18"/>
      <c r="C283" s="18"/>
    </row>
    <row r="284" spans="1:3" ht="14.5" x14ac:dyDescent="0.35">
      <c r="A284" s="18"/>
      <c r="B284" s="18"/>
      <c r="C284" s="18"/>
    </row>
    <row r="285" spans="1:3" ht="14.5" x14ac:dyDescent="0.35">
      <c r="A285" s="18"/>
      <c r="B285" s="18"/>
      <c r="C285" s="18"/>
    </row>
    <row r="286" spans="1:3" ht="14.5" x14ac:dyDescent="0.35">
      <c r="A286" s="18"/>
      <c r="B286" s="18"/>
      <c r="C286" s="18"/>
    </row>
    <row r="287" spans="1:3" ht="14.5" x14ac:dyDescent="0.35">
      <c r="A287" s="18"/>
      <c r="B287" s="18"/>
      <c r="C287" s="18"/>
    </row>
    <row r="288" spans="1:3" ht="14.5" x14ac:dyDescent="0.35">
      <c r="A288" s="18"/>
      <c r="B288" s="18"/>
      <c r="C288" s="18"/>
    </row>
    <row r="289" spans="1:3" ht="14.5" x14ac:dyDescent="0.35">
      <c r="A289" s="18"/>
      <c r="B289" s="18"/>
      <c r="C289" s="18"/>
    </row>
    <row r="290" spans="1:3" ht="14.5" x14ac:dyDescent="0.35">
      <c r="A290" s="18"/>
      <c r="B290" s="18"/>
      <c r="C290" s="18"/>
    </row>
    <row r="291" spans="1:3" ht="14.5" x14ac:dyDescent="0.35">
      <c r="A291" s="18"/>
      <c r="B291" s="18"/>
      <c r="C291" s="18"/>
    </row>
    <row r="292" spans="1:3" ht="14.5" x14ac:dyDescent="0.35">
      <c r="A292" s="18"/>
      <c r="B292" s="18"/>
      <c r="C292" s="18"/>
    </row>
    <row r="293" spans="1:3" ht="14.5" x14ac:dyDescent="0.35">
      <c r="A293" s="18"/>
      <c r="B293" s="18"/>
      <c r="C293" s="18"/>
    </row>
    <row r="294" spans="1:3" ht="14.5" x14ac:dyDescent="0.35">
      <c r="A294" s="18"/>
      <c r="B294" s="18"/>
      <c r="C294" s="18"/>
    </row>
    <row r="295" spans="1:3" ht="14.5" x14ac:dyDescent="0.35">
      <c r="A295" s="18"/>
      <c r="B295" s="18"/>
      <c r="C295" s="18"/>
    </row>
    <row r="296" spans="1:3" ht="14.5" x14ac:dyDescent="0.35">
      <c r="A296" s="18"/>
      <c r="B296" s="18"/>
      <c r="C296" s="18"/>
    </row>
    <row r="297" spans="1:3" ht="14.5" x14ac:dyDescent="0.35">
      <c r="A297" s="18"/>
      <c r="B297" s="18"/>
      <c r="C297" s="18"/>
    </row>
    <row r="298" spans="1:3" ht="14.5" x14ac:dyDescent="0.35">
      <c r="A298" s="18"/>
      <c r="B298" s="18"/>
      <c r="C298" s="18"/>
    </row>
    <row r="299" spans="1:3" ht="14.5" x14ac:dyDescent="0.35">
      <c r="A299" s="18"/>
      <c r="B299" s="18"/>
      <c r="C299" s="18"/>
    </row>
    <row r="300" spans="1:3" ht="14.5" x14ac:dyDescent="0.35">
      <c r="A300" s="18"/>
      <c r="B300" s="18"/>
      <c r="C300" s="18"/>
    </row>
    <row r="301" spans="1:3" ht="14.5" x14ac:dyDescent="0.35">
      <c r="A301" s="18"/>
      <c r="B301" s="18"/>
      <c r="C301" s="18"/>
    </row>
    <row r="302" spans="1:3" ht="14.5" x14ac:dyDescent="0.35">
      <c r="A302" s="18"/>
      <c r="B302" s="18"/>
      <c r="C302" s="18"/>
    </row>
    <row r="303" spans="1:3" ht="14.5" x14ac:dyDescent="0.35">
      <c r="A303" s="18"/>
      <c r="B303" s="18"/>
      <c r="C303" s="18"/>
    </row>
    <row r="304" spans="1:3" ht="14.5" x14ac:dyDescent="0.35">
      <c r="A304" s="18"/>
      <c r="B304" s="18"/>
      <c r="C304" s="18"/>
    </row>
  </sheetData>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3fe0d8a6-c369-4c34-93c7-0f8bd0e68614">
      <Terms xmlns="http://schemas.microsoft.com/office/infopath/2007/PartnerControls"/>
    </lcf76f155ced4ddcb4097134ff3c332f>
    <i0f84bba906045b4af568ee102a52dcb xmlns="7cbdb7be-827e-4b12-bd94-7e1b554b915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7cbdb7be-827e-4b12-bd94-7e1b554b9154">
      <Value>2</Value>
    </TaxCatchAll>
  </documentManagement>
</p:properties>
</file>

<file path=customXml/item3.xml><?xml version="1.0" encoding="utf-8"?>
<TemplafyTemplateConfiguration><![CDATA[{"transformationConfigurations":[],"templateName":"Supporting chart data workbook","templateDescription":"Use for data you plan to publish on the website. Includes 'about' and 'contents' tabs.","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7130DE8081BA5A4B87704494ECD1BCD4" ma:contentTypeVersion="16" ma:contentTypeDescription="Create a new document." ma:contentTypeScope="" ma:versionID="01e2eeb9aeb35a5f5ee43e32e0f4bb65">
  <xsd:schema xmlns:xsd="http://www.w3.org/2001/XMLSchema" xmlns:xs="http://www.w3.org/2001/XMLSchema" xmlns:p="http://schemas.microsoft.com/office/2006/metadata/properties" xmlns:ns2="3fe0d8a6-c369-4c34-93c7-0f8bd0e68614" xmlns:ns3="7cbdb7be-827e-4b12-bd94-7e1b554b9154" targetNamespace="http://schemas.microsoft.com/office/2006/metadata/properties" ma:root="true" ma:fieldsID="9eb29b59e2c29e37c0d8ac5e53013102" ns2:_="" ns3:_="">
    <xsd:import namespace="3fe0d8a6-c369-4c34-93c7-0f8bd0e68614"/>
    <xsd:import namespace="7cbdb7be-827e-4b12-bd94-7e1b554b915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3:i0f84bba906045b4af568ee102a52dcb" minOccurs="0"/>
                <xsd:element ref="ns3:TaxCatchAll" minOccurs="0"/>
                <xsd:element ref="ns2:MediaServiceGenerationTime" minOccurs="0"/>
                <xsd:element ref="ns2:MediaServiceEventHashCode" minOccurs="0"/>
                <xsd:element ref="ns2:lcf76f155ced4ddcb4097134ff3c332f" minOccurs="0"/>
                <xsd:element ref="ns2:MediaServiceOCR" minOccurs="0"/>
                <xsd:element ref="ns2:MediaServiceDateTake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e0d8a6-c369-4c34-93c7-0f8bd0e6861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21" nillable="true" ma:displayName="Extracted Text" ma:internalName="MediaServiceOCR" ma:readOnly="true">
      <xsd:simpleType>
        <xsd:restriction base="dms:Note">
          <xsd:maxLength value="255"/>
        </xsd:restriction>
      </xsd:simpleType>
    </xsd:element>
    <xsd:element name="MediaServiceDateTaken" ma:index="22" nillable="true" ma:displayName="MediaServiceDateTaken" ma:hidden="true" ma:indexed="true" ma:internalName="MediaServiceDateTaken" ma:readOnly="true">
      <xsd:simpleType>
        <xsd:restriction base="dms:Text"/>
      </xsd:simpleType>
    </xsd:element>
    <xsd:element name="MediaServiceBillingMetadata" ma:index="23"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7cbdb7be-827e-4b12-bd94-7e1b554b9154"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i0f84bba906045b4af568ee102a52dcb" ma:index="15" nillable="true" ma:taxonomy="true" ma:internalName="i0f84bba906045b4af568ee102a52dcb" ma:taxonomyFieldName="RevIMBCS" ma:displayName="Record" ma:indexed="true" ma:default="2;#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6" nillable="true" ma:displayName="Taxonomy Catch All Column" ma:hidden="true" ma:list="{b0fc5d41-b7c6-48b8-b91b-a487a5389dc5}" ma:internalName="TaxCatchAll" ma:showField="CatchAllData" ma:web="7cbdb7be-827e-4b12-bd94-7e1b554b915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1EFC478-5E73-45FD-BFC4-BC55619BF7EA}">
  <ds:schemaRefs/>
</ds:datastoreItem>
</file>

<file path=customXml/itemProps2.xml><?xml version="1.0" encoding="utf-8"?>
<ds:datastoreItem xmlns:ds="http://schemas.openxmlformats.org/officeDocument/2006/customXml" ds:itemID="{40A3D94C-52A8-49F4-8DFA-99DB3EAA5390}">
  <ds:schemaRefs>
    <ds:schemaRef ds:uri="http://schemas.microsoft.com/office/2006/documentManagement/types"/>
    <ds:schemaRef ds:uri="7cbdb7be-827e-4b12-bd94-7e1b554b9154"/>
    <ds:schemaRef ds:uri="http://purl.org/dc/elements/1.1/"/>
    <ds:schemaRef ds:uri="http://schemas.openxmlformats.org/package/2006/metadata/core-properties"/>
    <ds:schemaRef ds:uri="http://www.w3.org/XML/1998/namespace"/>
    <ds:schemaRef ds:uri="http://schemas.microsoft.com/office/infopath/2007/PartnerControls"/>
    <ds:schemaRef ds:uri="3fe0d8a6-c369-4c34-93c7-0f8bd0e68614"/>
    <ds:schemaRef ds:uri="http://schemas.microsoft.com/office/2006/metadata/properties"/>
    <ds:schemaRef ds:uri="http://purl.org/dc/dcmitype/"/>
    <ds:schemaRef ds:uri="http://purl.org/dc/terms/"/>
  </ds:schemaRefs>
</ds:datastoreItem>
</file>

<file path=customXml/itemProps3.xml><?xml version="1.0" encoding="utf-8"?>
<ds:datastoreItem xmlns:ds="http://schemas.openxmlformats.org/officeDocument/2006/customXml" ds:itemID="{58D938DD-EC6F-4D42-AA4F-4A0F2A288CFB}">
  <ds:schemaRefs/>
</ds:datastoreItem>
</file>

<file path=customXml/itemProps4.xml><?xml version="1.0" encoding="utf-8"?>
<ds:datastoreItem xmlns:ds="http://schemas.openxmlformats.org/officeDocument/2006/customXml" ds:itemID="{E499C5B4-02EF-4939-821C-A81B80D50259}">
  <ds:schemaRefs>
    <ds:schemaRef ds:uri="http://schemas.microsoft.com/sharepoint/v3/contenttype/forms"/>
  </ds:schemaRefs>
</ds:datastoreItem>
</file>

<file path=customXml/itemProps5.xml><?xml version="1.0" encoding="utf-8"?>
<ds:datastoreItem xmlns:ds="http://schemas.openxmlformats.org/officeDocument/2006/customXml" ds:itemID="{2AE6E674-F7A7-466F-812E-C98DFC2BC33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fe0d8a6-c369-4c34-93c7-0f8bd0e68614"/>
    <ds:schemaRef ds:uri="7cbdb7be-827e-4b12-bd94-7e1b554b915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8</vt:i4>
      </vt:variant>
    </vt:vector>
  </HeadingPairs>
  <TitlesOfParts>
    <vt:vector size="8" baseType="lpstr">
      <vt:lpstr>About</vt:lpstr>
      <vt:lpstr>Contents</vt:lpstr>
      <vt:lpstr>Figure 1.1</vt:lpstr>
      <vt:lpstr>Figure 2.1</vt:lpstr>
      <vt:lpstr>Figure 3.1</vt:lpstr>
      <vt:lpstr>Figure 3.2</vt:lpstr>
      <vt:lpstr>Figure B.1</vt:lpstr>
      <vt:lpstr>Figure B.2</vt:lpstr>
    </vt:vector>
  </TitlesOfParts>
  <Manager/>
  <Company>Productivity Commission</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hart data - Inquiry report - Investing in cheaper, cleaner energy and the net zero transformation</dc:title>
  <dc:subject/>
  <dc:creator>Productivity Commission</dc:creator>
  <cp:keywords/>
  <dc:description/>
  <cp:lastModifiedBy>Chris Alston</cp:lastModifiedBy>
  <cp:revision/>
  <dcterms:created xsi:type="dcterms:W3CDTF">2025-07-24T03:41:11Z</dcterms:created>
  <dcterms:modified xsi:type="dcterms:W3CDTF">2025-12-17T22:23:16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54725005441542</vt:lpwstr>
  </property>
  <property fmtid="{D5CDD505-2E9C-101B-9397-08002B2CF9AE}" pid="4" name="TemplafyUserProfileId">
    <vt:lpwstr>638190999404862899</vt:lpwstr>
  </property>
  <property fmtid="{D5CDD505-2E9C-101B-9397-08002B2CF9AE}" pid="5" name="TemplafyFromBlank">
    <vt:bool>false</vt:bool>
  </property>
  <property fmtid="{D5CDD505-2E9C-101B-9397-08002B2CF9AE}" pid="6" name="MSIP_Label_f7467c1a-e0ed-413c-a72b-aac8e8e94f41_Enabled">
    <vt:lpwstr>true</vt:lpwstr>
  </property>
  <property fmtid="{D5CDD505-2E9C-101B-9397-08002B2CF9AE}" pid="7" name="MSIP_Label_f7467c1a-e0ed-413c-a72b-aac8e8e94f41_SetDate">
    <vt:lpwstr>2025-07-24T04:23:29Z</vt:lpwstr>
  </property>
  <property fmtid="{D5CDD505-2E9C-101B-9397-08002B2CF9AE}" pid="8" name="MSIP_Label_f7467c1a-e0ed-413c-a72b-aac8e8e94f41_Method">
    <vt:lpwstr>Privileged</vt:lpwstr>
  </property>
  <property fmtid="{D5CDD505-2E9C-101B-9397-08002B2CF9AE}" pid="9" name="MSIP_Label_f7467c1a-e0ed-413c-a72b-aac8e8e94f41_Name">
    <vt:lpwstr>OFFICIAL</vt:lpwstr>
  </property>
  <property fmtid="{D5CDD505-2E9C-101B-9397-08002B2CF9AE}" pid="10" name="MSIP_Label_f7467c1a-e0ed-413c-a72b-aac8e8e94f41_SiteId">
    <vt:lpwstr>29f9330b-c0fe-4244-830e-ba9f275d6c34</vt:lpwstr>
  </property>
  <property fmtid="{D5CDD505-2E9C-101B-9397-08002B2CF9AE}" pid="11" name="MSIP_Label_f7467c1a-e0ed-413c-a72b-aac8e8e94f41_ActionId">
    <vt:lpwstr>d2523c2c-3a57-4350-8724-e9e70f564db0</vt:lpwstr>
  </property>
  <property fmtid="{D5CDD505-2E9C-101B-9397-08002B2CF9AE}" pid="12" name="MSIP_Label_f7467c1a-e0ed-413c-a72b-aac8e8e94f41_ContentBits">
    <vt:lpwstr>1</vt:lpwstr>
  </property>
  <property fmtid="{D5CDD505-2E9C-101B-9397-08002B2CF9AE}" pid="13" name="MSIP_Label_f7467c1a-e0ed-413c-a72b-aac8e8e94f41_Tag">
    <vt:lpwstr>10, 0, 1, 1</vt:lpwstr>
  </property>
  <property fmtid="{D5CDD505-2E9C-101B-9397-08002B2CF9AE}" pid="14" name="ContentTypeId">
    <vt:lpwstr>0x0101007130DE8081BA5A4B87704494ECD1BCD4</vt:lpwstr>
  </property>
  <property fmtid="{D5CDD505-2E9C-101B-9397-08002B2CF9AE}" pid="15" name="MediaServiceImageTags">
    <vt:lpwstr/>
  </property>
  <property fmtid="{D5CDD505-2E9C-101B-9397-08002B2CF9AE}" pid="16" name="RevIMBCS">
    <vt:lpwstr>2;#Unclassified|3955eeb1-2d18-4582-aeb2-00144ec3aaf5</vt:lpwstr>
  </property>
</Properties>
</file>